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702" r:id="rId3"/>
  </p:sldMasterIdLst>
  <p:notesMasterIdLst>
    <p:notesMasterId r:id="rId7"/>
  </p:notesMasterIdLst>
  <p:handoutMasterIdLst>
    <p:handoutMasterId r:id="rId8"/>
  </p:handoutMasterIdLst>
  <p:sldIdLst>
    <p:sldId id="258" r:id="rId4"/>
    <p:sldId id="259" r:id="rId5"/>
    <p:sldId id="257" r:id="rId6"/>
  </p:sldIdLst>
  <p:sldSz cx="12192000" cy="6858000"/>
  <p:notesSz cx="6858000" cy="9144000"/>
  <p:custDataLst>
    <p:tags r:id="rId9"/>
  </p:custDataLst>
  <p:defaultTextStyle>
    <a:defPPr>
      <a:defRPr lang="uk-UA"/>
    </a:defPPr>
    <a:lvl1pPr marL="0" algn="l" defTabSz="91430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54" algn="l" defTabSz="91430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309" algn="l" defTabSz="91430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463" algn="l" defTabSz="91430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617" algn="l" defTabSz="91430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771" algn="l" defTabSz="91430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2926" algn="l" defTabSz="91430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080" algn="l" defTabSz="91430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234" algn="l" defTabSz="91430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4" name="Author" initials="A" lastIdx="0" clrIdx="3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E320D90-C549-4F06-A4D8-08D830835D68}" v="5" dt="2022-10-26T18:34:24.57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69CF1AB2-1976-4502-BF36-3FF5EA218861}" styleName="Medium Style 4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1"/>
              </a:solidFill>
            </a:ln>
          </a:top>
        </a:tcBdr>
        <a:fill>
          <a:solidFill>
            <a:schemeClr val="accent1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1">
              <a:tint val="20000"/>
            </a:schemeClr>
          </a:solidFill>
        </a:fill>
      </a:tcStyle>
    </a:firstRow>
  </a:tblStyle>
  <a:tblStyle styleId="{C4B1156A-380E-4F78-BDF5-A606A8083BF9}" styleName="Medium Style 4 - Accent 4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4"/>
              </a:solidFill>
            </a:ln>
          </a:top>
        </a:tcBdr>
        <a:fill>
          <a:solidFill>
            <a:schemeClr val="accent4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4">
              <a:tint val="20000"/>
            </a:schemeClr>
          </a:solidFill>
        </a:fill>
      </a:tcStyle>
    </a:firstRow>
  </a:tblStyle>
  <a:tblStyle styleId="{0505E3EF-67EA-436B-97B2-0124C06EBD24}" styleName="Medium Style 4 - Accent 3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3"/>
              </a:solidFill>
            </a:ln>
          </a:left>
          <a:right>
            <a:ln w="12700" cmpd="sng">
              <a:solidFill>
                <a:schemeClr val="accent3"/>
              </a:solidFill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 w="12700" cmpd="sng">
              <a:solidFill>
                <a:schemeClr val="accent3"/>
              </a:solidFill>
            </a:ln>
          </a:insideH>
          <a:insideV>
            <a:ln w="12700" cmpd="sng">
              <a:solidFill>
                <a:schemeClr val="accent3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3"/>
              </a:solidFill>
            </a:ln>
          </a:top>
        </a:tcBdr>
        <a:fill>
          <a:solidFill>
            <a:schemeClr val="accent3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3">
              <a:tint val="20000"/>
            </a:schemeClr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8725" autoAdjust="0"/>
    <p:restoredTop sz="95934" autoAdjust="0"/>
  </p:normalViewPr>
  <p:slideViewPr>
    <p:cSldViewPr>
      <p:cViewPr varScale="1">
        <p:scale>
          <a:sx n="110" d="100"/>
          <a:sy n="110" d="100"/>
        </p:scale>
        <p:origin x="990" y="102"/>
      </p:cViewPr>
      <p:guideLst/>
    </p:cSldViewPr>
  </p:slideViewPr>
  <p:outlineViewPr>
    <p:cViewPr>
      <p:scale>
        <a:sx n="33" d="100"/>
        <a:sy n="33" d="100"/>
      </p:scale>
      <p:origin x="0" y="-14504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75" d="100"/>
        <a:sy n="75" d="100"/>
      </p:scale>
      <p:origin x="0" y="-1664"/>
    </p:cViewPr>
  </p:sorterViewPr>
  <p:notesViewPr>
    <p:cSldViewPr>
      <p:cViewPr varScale="1">
        <p:scale>
          <a:sx n="140" d="100"/>
          <a:sy n="140" d="100"/>
        </p:scale>
        <p:origin x="3512" y="192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handoutMaster" Target="handoutMasters/handoutMaster1.xml"/><Relationship Id="rId13" Type="http://schemas.openxmlformats.org/officeDocument/2006/relationships/theme" Target="theme/theme1.xml"/><Relationship Id="rId3" Type="http://schemas.openxmlformats.org/officeDocument/2006/relationships/slideMaster" Target="slideMasters/slideMaster1.xml"/><Relationship Id="rId7" Type="http://schemas.openxmlformats.org/officeDocument/2006/relationships/notesMaster" Target="notesMasters/notesMaster1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presProps" Target="presProps.xml"/><Relationship Id="rId5" Type="http://schemas.openxmlformats.org/officeDocument/2006/relationships/slide" Target="slides/slide2.xml"/><Relationship Id="rId15" Type="http://schemas.microsoft.com/office/2015/10/relationships/revisionInfo" Target="revisionInfo.xml"/><Relationship Id="rId10" Type="http://schemas.openxmlformats.org/officeDocument/2006/relationships/commentAuthors" Target="commentAuthors.xml"/><Relationship Id="rId4" Type="http://schemas.openxmlformats.org/officeDocument/2006/relationships/slide" Target="slides/slide1.xml"/><Relationship Id="rId9" Type="http://schemas.openxmlformats.org/officeDocument/2006/relationships/tags" Target="tags/tag1.xml"/><Relationship Id="rId14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72EFD095-7608-7546-898E-6EE52DF6330A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046A79-9B62-3240-9F7C-C2154C562D94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65FA570-5FEC-E34E-B893-7B39E986AFCF}" type="datetimeFigureOut">
              <a:rPr lang="en-US" smtClean="0"/>
              <a:t>10/28/2022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D469053-E39B-4A41-9B8B-2A42289EEA0B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341B9E5-3053-7A48-B0D1-B24F0E566A3C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6E15338-1B55-644C-8C44-0C28EEAAA01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9632754"/>
      </p:ext>
    </p:extLst>
  </p:cSld>
  <p:clrMap bg1="lt1" tx1="dk1" bg2="lt2" tx2="dk2" accent1="accent1" accent2="accent2" accent3="accent3" accent4="accent4" accent5="accent5" accent6="accent6" hlink="hlink" folHlink="folHlink"/>
  <p:hf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uk-UA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B027185-10FB-4A57-B3F0-45136A811A24}" type="datetimeFigureOut">
              <a:rPr lang="uk-UA" smtClean="0"/>
              <a:t>28.10.2022</a:t>
            </a:fld>
            <a:endParaRPr lang="uk-UA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uk-UA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uk-UA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uk-UA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BD9C3A12-1E0F-412B-B376-8089A55D946C}" type="slidenum">
              <a:rPr lang="uk-UA" smtClean="0"/>
              <a:t>‹#›</a:t>
            </a:fld>
            <a:endParaRPr lang="uk-UA"/>
          </a:p>
        </p:txBody>
      </p:sp>
    </p:spTree>
    <p:extLst>
      <p:ext uri="{BB962C8B-B14F-4D97-AF65-F5344CB8AC3E}">
        <p14:creationId xmlns:p14="http://schemas.microsoft.com/office/powerpoint/2010/main" val="2567216900"/>
      </p:ext>
    </p:extLst>
  </p:cSld>
  <p:clrMap bg1="lt1" tx1="dk1" bg2="lt2" tx2="dk2" accent1="accent1" accent2="accent2" accent3="accent3" accent4="accent4" accent5="accent5" accent6="accent6" hlink="hlink" folHlink="folHlink"/>
  <p:hf ftr="0" dt="0"/>
  <p:notesStyle>
    <a:lvl1pPr marL="0" algn="l" defTabSz="609539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1pPr>
    <a:lvl2pPr marL="304770" algn="l" defTabSz="609539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2pPr>
    <a:lvl3pPr marL="609539" algn="l" defTabSz="609539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3pPr>
    <a:lvl4pPr marL="914309" algn="l" defTabSz="609539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4pPr>
    <a:lvl5pPr marL="1219078" algn="l" defTabSz="609539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5pPr>
    <a:lvl6pPr marL="1523848" algn="l" defTabSz="609539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6pPr>
    <a:lvl7pPr marL="1828617" algn="l" defTabSz="609539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7pPr>
    <a:lvl8pPr marL="2133387" algn="l" defTabSz="609539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8pPr>
    <a:lvl9pPr marL="2438156" algn="l" defTabSz="609539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83CFCB-0140-42E9-87AB-91BEDB6BE6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914400"/>
            <a:ext cx="5771388" cy="5029200"/>
          </a:xfrm>
        </p:spPr>
        <p:txBody>
          <a:bodyPr anchor="ctr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8"/>
          <p:cNvSpPr>
            <a:spLocks noGrp="1"/>
          </p:cNvSpPr>
          <p:nvPr>
            <p:ph type="pic" sz="quarter" idx="10"/>
          </p:nvPr>
        </p:nvSpPr>
        <p:spPr>
          <a:xfrm>
            <a:off x="7329488" y="0"/>
            <a:ext cx="4862512" cy="6858000"/>
          </a:xfrm>
          <a:custGeom>
            <a:avLst/>
            <a:gdLst>
              <a:gd name="connsiteX0" fmla="*/ 0 w 4862512"/>
              <a:gd name="connsiteY0" fmla="*/ 0 h 6858000"/>
              <a:gd name="connsiteX1" fmla="*/ 1187 w 4862512"/>
              <a:gd name="connsiteY1" fmla="*/ 0 h 6858000"/>
              <a:gd name="connsiteX2" fmla="*/ 9497 w 4862512"/>
              <a:gd name="connsiteY2" fmla="*/ 0 h 6858000"/>
              <a:gd name="connsiteX3" fmla="*/ 32053 w 4862512"/>
              <a:gd name="connsiteY3" fmla="*/ 0 h 6858000"/>
              <a:gd name="connsiteX4" fmla="*/ 75977 w 4862512"/>
              <a:gd name="connsiteY4" fmla="*/ 0 h 6858000"/>
              <a:gd name="connsiteX5" fmla="*/ 148392 w 4862512"/>
              <a:gd name="connsiteY5" fmla="*/ 0 h 6858000"/>
              <a:gd name="connsiteX6" fmla="*/ 256422 w 4862512"/>
              <a:gd name="connsiteY6" fmla="*/ 0 h 6858000"/>
              <a:gd name="connsiteX7" fmla="*/ 407188 w 4862512"/>
              <a:gd name="connsiteY7" fmla="*/ 0 h 6858000"/>
              <a:gd name="connsiteX8" fmla="*/ 500824 w 4862512"/>
              <a:gd name="connsiteY8" fmla="*/ 0 h 6858000"/>
              <a:gd name="connsiteX9" fmla="*/ 607814 w 4862512"/>
              <a:gd name="connsiteY9" fmla="*/ 0 h 6858000"/>
              <a:gd name="connsiteX10" fmla="*/ 729051 w 4862512"/>
              <a:gd name="connsiteY10" fmla="*/ 0 h 6858000"/>
              <a:gd name="connsiteX11" fmla="*/ 865423 w 4862512"/>
              <a:gd name="connsiteY11" fmla="*/ 0 h 6858000"/>
              <a:gd name="connsiteX12" fmla="*/ 1017822 w 4862512"/>
              <a:gd name="connsiteY12" fmla="*/ 0 h 6858000"/>
              <a:gd name="connsiteX13" fmla="*/ 1187137 w 4862512"/>
              <a:gd name="connsiteY13" fmla="*/ 0 h 6858000"/>
              <a:gd name="connsiteX14" fmla="*/ 1374259 w 4862512"/>
              <a:gd name="connsiteY14" fmla="*/ 0 h 6858000"/>
              <a:gd name="connsiteX15" fmla="*/ 1580079 w 4862512"/>
              <a:gd name="connsiteY15" fmla="*/ 0 h 6858000"/>
              <a:gd name="connsiteX16" fmla="*/ 1805487 w 4862512"/>
              <a:gd name="connsiteY16" fmla="*/ 0 h 6858000"/>
              <a:gd name="connsiteX17" fmla="*/ 2051372 w 4862512"/>
              <a:gd name="connsiteY17" fmla="*/ 0 h 6858000"/>
              <a:gd name="connsiteX18" fmla="*/ 2318626 w 4862512"/>
              <a:gd name="connsiteY18" fmla="*/ 0 h 6858000"/>
              <a:gd name="connsiteX19" fmla="*/ 2608139 w 4862512"/>
              <a:gd name="connsiteY19" fmla="*/ 0 h 6858000"/>
              <a:gd name="connsiteX20" fmla="*/ 2920801 w 4862512"/>
              <a:gd name="connsiteY20" fmla="*/ 0 h 6858000"/>
              <a:gd name="connsiteX21" fmla="*/ 3257503 w 4862512"/>
              <a:gd name="connsiteY21" fmla="*/ 0 h 6858000"/>
              <a:gd name="connsiteX22" fmla="*/ 3619135 w 4862512"/>
              <a:gd name="connsiteY22" fmla="*/ 0 h 6858000"/>
              <a:gd name="connsiteX23" fmla="*/ 4006586 w 4862512"/>
              <a:gd name="connsiteY23" fmla="*/ 0 h 6858000"/>
              <a:gd name="connsiteX24" fmla="*/ 4420749 w 4862512"/>
              <a:gd name="connsiteY24" fmla="*/ 0 h 6858000"/>
              <a:gd name="connsiteX25" fmla="*/ 4862512 w 4862512"/>
              <a:gd name="connsiteY25" fmla="*/ 0 h 6858000"/>
              <a:gd name="connsiteX26" fmla="*/ 4862512 w 4862512"/>
              <a:gd name="connsiteY26" fmla="*/ 1675 h 6858000"/>
              <a:gd name="connsiteX27" fmla="*/ 4862512 w 4862512"/>
              <a:gd name="connsiteY27" fmla="*/ 13395 h 6858000"/>
              <a:gd name="connsiteX28" fmla="*/ 4862512 w 4862512"/>
              <a:gd name="connsiteY28" fmla="*/ 26161 h 6858000"/>
              <a:gd name="connsiteX29" fmla="*/ 4862512 w 4862512"/>
              <a:gd name="connsiteY29" fmla="*/ 45207 h 6858000"/>
              <a:gd name="connsiteX30" fmla="*/ 4862512 w 4862512"/>
              <a:gd name="connsiteY30" fmla="*/ 71787 h 6858000"/>
              <a:gd name="connsiteX31" fmla="*/ 4862512 w 4862512"/>
              <a:gd name="connsiteY31" fmla="*/ 107156 h 6858000"/>
              <a:gd name="connsiteX32" fmla="*/ 4862512 w 4862512"/>
              <a:gd name="connsiteY32" fmla="*/ 152572 h 6858000"/>
              <a:gd name="connsiteX33" fmla="*/ 4862512 w 4862512"/>
              <a:gd name="connsiteY33" fmla="*/ 209290 h 6858000"/>
              <a:gd name="connsiteX34" fmla="*/ 4862512 w 4862512"/>
              <a:gd name="connsiteY34" fmla="*/ 278565 h 6858000"/>
              <a:gd name="connsiteX35" fmla="*/ 4862512 w 4862512"/>
              <a:gd name="connsiteY35" fmla="*/ 361653 h 6858000"/>
              <a:gd name="connsiteX36" fmla="*/ 4862512 w 4862512"/>
              <a:gd name="connsiteY36" fmla="*/ 459809 h 6858000"/>
              <a:gd name="connsiteX37" fmla="*/ 4862512 w 4862512"/>
              <a:gd name="connsiteY37" fmla="*/ 574291 h 6858000"/>
              <a:gd name="connsiteX38" fmla="*/ 4862512 w 4862512"/>
              <a:gd name="connsiteY38" fmla="*/ 706352 h 6858000"/>
              <a:gd name="connsiteX39" fmla="*/ 4862512 w 4862512"/>
              <a:gd name="connsiteY39" fmla="*/ 857250 h 6858000"/>
              <a:gd name="connsiteX40" fmla="*/ 4862512 w 4862512"/>
              <a:gd name="connsiteY40" fmla="*/ 1028240 h 6858000"/>
              <a:gd name="connsiteX41" fmla="*/ 4862512 w 4862512"/>
              <a:gd name="connsiteY41" fmla="*/ 1220577 h 6858000"/>
              <a:gd name="connsiteX42" fmla="*/ 4862512 w 4862512"/>
              <a:gd name="connsiteY42" fmla="*/ 1435517 h 6858000"/>
              <a:gd name="connsiteX43" fmla="*/ 4862512 w 4862512"/>
              <a:gd name="connsiteY43" fmla="*/ 1674317 h 6858000"/>
              <a:gd name="connsiteX44" fmla="*/ 4862512 w 4862512"/>
              <a:gd name="connsiteY44" fmla="*/ 1938231 h 6858000"/>
              <a:gd name="connsiteX45" fmla="*/ 4862512 w 4862512"/>
              <a:gd name="connsiteY45" fmla="*/ 2228515 h 6858000"/>
              <a:gd name="connsiteX46" fmla="*/ 4862512 w 4862512"/>
              <a:gd name="connsiteY46" fmla="*/ 2546426 h 6858000"/>
              <a:gd name="connsiteX47" fmla="*/ 4862512 w 4862512"/>
              <a:gd name="connsiteY47" fmla="*/ 2716134 h 6858000"/>
              <a:gd name="connsiteX48" fmla="*/ 4862512 w 4862512"/>
              <a:gd name="connsiteY48" fmla="*/ 2893219 h 6858000"/>
              <a:gd name="connsiteX49" fmla="*/ 4862512 w 4862512"/>
              <a:gd name="connsiteY49" fmla="*/ 3077839 h 6858000"/>
              <a:gd name="connsiteX50" fmla="*/ 4862512 w 4862512"/>
              <a:gd name="connsiteY50" fmla="*/ 3270149 h 6858000"/>
              <a:gd name="connsiteX51" fmla="*/ 4862512 w 4862512"/>
              <a:gd name="connsiteY51" fmla="*/ 3470309 h 6858000"/>
              <a:gd name="connsiteX52" fmla="*/ 4862512 w 4862512"/>
              <a:gd name="connsiteY52" fmla="*/ 3678473 h 6858000"/>
              <a:gd name="connsiteX53" fmla="*/ 4862512 w 4862512"/>
              <a:gd name="connsiteY53" fmla="*/ 3894800 h 6858000"/>
              <a:gd name="connsiteX54" fmla="*/ 4862512 w 4862512"/>
              <a:gd name="connsiteY54" fmla="*/ 4119446 h 6858000"/>
              <a:gd name="connsiteX55" fmla="*/ 4862512 w 4862512"/>
              <a:gd name="connsiteY55" fmla="*/ 4352569 h 6858000"/>
              <a:gd name="connsiteX56" fmla="*/ 4862512 w 4862512"/>
              <a:gd name="connsiteY56" fmla="*/ 4594324 h 6858000"/>
              <a:gd name="connsiteX57" fmla="*/ 4862512 w 4862512"/>
              <a:gd name="connsiteY57" fmla="*/ 4844870 h 6858000"/>
              <a:gd name="connsiteX58" fmla="*/ 4862512 w 4862512"/>
              <a:gd name="connsiteY58" fmla="*/ 5104363 h 6858000"/>
              <a:gd name="connsiteX59" fmla="*/ 4862512 w 4862512"/>
              <a:gd name="connsiteY59" fmla="*/ 5372960 h 6858000"/>
              <a:gd name="connsiteX60" fmla="*/ 4862512 w 4862512"/>
              <a:gd name="connsiteY60" fmla="*/ 5650818 h 6858000"/>
              <a:gd name="connsiteX61" fmla="*/ 4862512 w 4862512"/>
              <a:gd name="connsiteY61" fmla="*/ 5938094 h 6858000"/>
              <a:gd name="connsiteX62" fmla="*/ 4862512 w 4862512"/>
              <a:gd name="connsiteY62" fmla="*/ 6234945 h 6858000"/>
              <a:gd name="connsiteX63" fmla="*/ 4862512 w 4862512"/>
              <a:gd name="connsiteY63" fmla="*/ 6541528 h 6858000"/>
              <a:gd name="connsiteX64" fmla="*/ 4862512 w 4862512"/>
              <a:gd name="connsiteY64" fmla="*/ 6858000 h 6858000"/>
              <a:gd name="connsiteX65" fmla="*/ 4856343 w 4862512"/>
              <a:gd name="connsiteY65" fmla="*/ 6858000 h 6858000"/>
              <a:gd name="connsiteX66" fmla="*/ 4841693 w 4862512"/>
              <a:gd name="connsiteY66" fmla="*/ 6858000 h 6858000"/>
              <a:gd name="connsiteX67" fmla="*/ 4813163 w 4862512"/>
              <a:gd name="connsiteY67" fmla="*/ 6858000 h 6858000"/>
              <a:gd name="connsiteX68" fmla="*/ 4766127 w 4862512"/>
              <a:gd name="connsiteY68" fmla="*/ 6858000 h 6858000"/>
              <a:gd name="connsiteX69" fmla="*/ 4695958 w 4862512"/>
              <a:gd name="connsiteY69" fmla="*/ 6858000 h 6858000"/>
              <a:gd name="connsiteX70" fmla="*/ 4598030 w 4862512"/>
              <a:gd name="connsiteY70" fmla="*/ 6858000 h 6858000"/>
              <a:gd name="connsiteX71" fmla="*/ 4467717 w 4862512"/>
              <a:gd name="connsiteY71" fmla="*/ 6858000 h 6858000"/>
              <a:gd name="connsiteX72" fmla="*/ 4300392 w 4862512"/>
              <a:gd name="connsiteY72" fmla="*/ 6858000 h 6858000"/>
              <a:gd name="connsiteX73" fmla="*/ 4091428 w 4862512"/>
              <a:gd name="connsiteY73" fmla="*/ 6858000 h 6858000"/>
              <a:gd name="connsiteX74" fmla="*/ 3836199 w 4862512"/>
              <a:gd name="connsiteY74" fmla="*/ 6858000 h 6858000"/>
              <a:gd name="connsiteX75" fmla="*/ 3689789 w 4862512"/>
              <a:gd name="connsiteY75" fmla="*/ 6858000 h 6858000"/>
              <a:gd name="connsiteX76" fmla="*/ 3530078 w 4862512"/>
              <a:gd name="connsiteY76" fmla="*/ 6858000 h 6858000"/>
              <a:gd name="connsiteX77" fmla="*/ 3356488 w 4862512"/>
              <a:gd name="connsiteY77" fmla="*/ 6858000 h 6858000"/>
              <a:gd name="connsiteX78" fmla="*/ 3168440 w 4862512"/>
              <a:gd name="connsiteY78" fmla="*/ 6858000 h 6858000"/>
              <a:gd name="connsiteX79" fmla="*/ 2965356 w 4862512"/>
              <a:gd name="connsiteY79" fmla="*/ 6858000 h 6858000"/>
              <a:gd name="connsiteX80" fmla="*/ 2746657 w 4862512"/>
              <a:gd name="connsiteY80" fmla="*/ 6858000 h 6858000"/>
              <a:gd name="connsiteX81" fmla="*/ 2511765 w 4862512"/>
              <a:gd name="connsiteY81" fmla="*/ 6858000 h 6858000"/>
              <a:gd name="connsiteX82" fmla="*/ 2260103 w 4862512"/>
              <a:gd name="connsiteY82" fmla="*/ 6858000 h 6858000"/>
              <a:gd name="connsiteX83" fmla="*/ 1991091 w 4862512"/>
              <a:gd name="connsiteY83" fmla="*/ 6858000 h 6858000"/>
              <a:gd name="connsiteX84" fmla="*/ 1704151 w 4862512"/>
              <a:gd name="connsiteY84" fmla="*/ 6858000 h 6858000"/>
              <a:gd name="connsiteX85" fmla="*/ 0 w 4862512"/>
              <a:gd name="connsiteY85" fmla="*/ 4800600 h 6858000"/>
              <a:gd name="connsiteX86" fmla="*/ 0 w 4862512"/>
              <a:gd name="connsiteY86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862512" h="6858000">
                <a:moveTo>
                  <a:pt x="0" y="0"/>
                </a:moveTo>
                <a:lnTo>
                  <a:pt x="1187" y="0"/>
                </a:lnTo>
                <a:lnTo>
                  <a:pt x="9497" y="0"/>
                </a:lnTo>
                <a:lnTo>
                  <a:pt x="32053" y="0"/>
                </a:lnTo>
                <a:lnTo>
                  <a:pt x="75977" y="0"/>
                </a:lnTo>
                <a:lnTo>
                  <a:pt x="148392" y="0"/>
                </a:lnTo>
                <a:lnTo>
                  <a:pt x="256422" y="0"/>
                </a:lnTo>
                <a:lnTo>
                  <a:pt x="407188" y="0"/>
                </a:lnTo>
                <a:lnTo>
                  <a:pt x="500824" y="0"/>
                </a:lnTo>
                <a:lnTo>
                  <a:pt x="607814" y="0"/>
                </a:lnTo>
                <a:lnTo>
                  <a:pt x="729051" y="0"/>
                </a:lnTo>
                <a:lnTo>
                  <a:pt x="865423" y="0"/>
                </a:lnTo>
                <a:lnTo>
                  <a:pt x="1017822" y="0"/>
                </a:lnTo>
                <a:lnTo>
                  <a:pt x="1187137" y="0"/>
                </a:lnTo>
                <a:lnTo>
                  <a:pt x="1374259" y="0"/>
                </a:lnTo>
                <a:lnTo>
                  <a:pt x="1580079" y="0"/>
                </a:lnTo>
                <a:lnTo>
                  <a:pt x="1805487" y="0"/>
                </a:lnTo>
                <a:lnTo>
                  <a:pt x="2051372" y="0"/>
                </a:lnTo>
                <a:lnTo>
                  <a:pt x="2318626" y="0"/>
                </a:lnTo>
                <a:lnTo>
                  <a:pt x="2608139" y="0"/>
                </a:lnTo>
                <a:lnTo>
                  <a:pt x="2920801" y="0"/>
                </a:lnTo>
                <a:lnTo>
                  <a:pt x="3257503" y="0"/>
                </a:lnTo>
                <a:lnTo>
                  <a:pt x="3619135" y="0"/>
                </a:lnTo>
                <a:lnTo>
                  <a:pt x="4006586" y="0"/>
                </a:lnTo>
                <a:lnTo>
                  <a:pt x="4420749" y="0"/>
                </a:lnTo>
                <a:lnTo>
                  <a:pt x="4862512" y="0"/>
                </a:lnTo>
                <a:lnTo>
                  <a:pt x="4862512" y="1675"/>
                </a:lnTo>
                <a:lnTo>
                  <a:pt x="4862512" y="13395"/>
                </a:lnTo>
                <a:lnTo>
                  <a:pt x="4862512" y="26161"/>
                </a:lnTo>
                <a:lnTo>
                  <a:pt x="4862512" y="45207"/>
                </a:lnTo>
                <a:lnTo>
                  <a:pt x="4862512" y="71787"/>
                </a:lnTo>
                <a:lnTo>
                  <a:pt x="4862512" y="107156"/>
                </a:lnTo>
                <a:lnTo>
                  <a:pt x="4862512" y="152572"/>
                </a:lnTo>
                <a:lnTo>
                  <a:pt x="4862512" y="209290"/>
                </a:lnTo>
                <a:lnTo>
                  <a:pt x="4862512" y="278565"/>
                </a:lnTo>
                <a:lnTo>
                  <a:pt x="4862512" y="361653"/>
                </a:lnTo>
                <a:lnTo>
                  <a:pt x="4862512" y="459809"/>
                </a:lnTo>
                <a:lnTo>
                  <a:pt x="4862512" y="574291"/>
                </a:lnTo>
                <a:lnTo>
                  <a:pt x="4862512" y="706352"/>
                </a:lnTo>
                <a:lnTo>
                  <a:pt x="4862512" y="857250"/>
                </a:lnTo>
                <a:lnTo>
                  <a:pt x="4862512" y="1028240"/>
                </a:lnTo>
                <a:lnTo>
                  <a:pt x="4862512" y="1220577"/>
                </a:lnTo>
                <a:lnTo>
                  <a:pt x="4862512" y="1435517"/>
                </a:lnTo>
                <a:lnTo>
                  <a:pt x="4862512" y="1674317"/>
                </a:lnTo>
                <a:lnTo>
                  <a:pt x="4862512" y="1938231"/>
                </a:lnTo>
                <a:lnTo>
                  <a:pt x="4862512" y="2228515"/>
                </a:lnTo>
                <a:lnTo>
                  <a:pt x="4862512" y="2546426"/>
                </a:lnTo>
                <a:lnTo>
                  <a:pt x="4862512" y="2716134"/>
                </a:lnTo>
                <a:lnTo>
                  <a:pt x="4862512" y="2893219"/>
                </a:lnTo>
                <a:lnTo>
                  <a:pt x="4862512" y="3077839"/>
                </a:lnTo>
                <a:lnTo>
                  <a:pt x="4862512" y="3270149"/>
                </a:lnTo>
                <a:lnTo>
                  <a:pt x="4862512" y="3470309"/>
                </a:lnTo>
                <a:lnTo>
                  <a:pt x="4862512" y="3678473"/>
                </a:lnTo>
                <a:lnTo>
                  <a:pt x="4862512" y="3894800"/>
                </a:lnTo>
                <a:lnTo>
                  <a:pt x="4862512" y="4119446"/>
                </a:lnTo>
                <a:lnTo>
                  <a:pt x="4862512" y="4352569"/>
                </a:lnTo>
                <a:lnTo>
                  <a:pt x="4862512" y="4594324"/>
                </a:lnTo>
                <a:lnTo>
                  <a:pt x="4862512" y="4844870"/>
                </a:lnTo>
                <a:lnTo>
                  <a:pt x="4862512" y="5104363"/>
                </a:lnTo>
                <a:lnTo>
                  <a:pt x="4862512" y="5372960"/>
                </a:lnTo>
                <a:lnTo>
                  <a:pt x="4862512" y="5650818"/>
                </a:lnTo>
                <a:lnTo>
                  <a:pt x="4862512" y="5938094"/>
                </a:lnTo>
                <a:lnTo>
                  <a:pt x="4862512" y="6234945"/>
                </a:lnTo>
                <a:lnTo>
                  <a:pt x="4862512" y="6541528"/>
                </a:lnTo>
                <a:lnTo>
                  <a:pt x="4862512" y="6858000"/>
                </a:lnTo>
                <a:lnTo>
                  <a:pt x="4856343" y="6858000"/>
                </a:lnTo>
                <a:lnTo>
                  <a:pt x="4841693" y="6858000"/>
                </a:lnTo>
                <a:lnTo>
                  <a:pt x="4813163" y="6858000"/>
                </a:lnTo>
                <a:lnTo>
                  <a:pt x="4766127" y="6858000"/>
                </a:lnTo>
                <a:lnTo>
                  <a:pt x="4695958" y="6858000"/>
                </a:lnTo>
                <a:lnTo>
                  <a:pt x="4598030" y="6858000"/>
                </a:lnTo>
                <a:lnTo>
                  <a:pt x="4467717" y="6858000"/>
                </a:lnTo>
                <a:lnTo>
                  <a:pt x="4300392" y="6858000"/>
                </a:lnTo>
                <a:lnTo>
                  <a:pt x="4091428" y="6858000"/>
                </a:lnTo>
                <a:lnTo>
                  <a:pt x="3836199" y="6858000"/>
                </a:lnTo>
                <a:lnTo>
                  <a:pt x="3689789" y="6858000"/>
                </a:lnTo>
                <a:lnTo>
                  <a:pt x="3530078" y="6858000"/>
                </a:lnTo>
                <a:lnTo>
                  <a:pt x="3356488" y="6858000"/>
                </a:lnTo>
                <a:lnTo>
                  <a:pt x="3168440" y="6858000"/>
                </a:lnTo>
                <a:lnTo>
                  <a:pt x="2965356" y="6858000"/>
                </a:lnTo>
                <a:lnTo>
                  <a:pt x="2746657" y="6858000"/>
                </a:lnTo>
                <a:lnTo>
                  <a:pt x="2511765" y="6858000"/>
                </a:lnTo>
                <a:lnTo>
                  <a:pt x="2260103" y="6858000"/>
                </a:lnTo>
                <a:lnTo>
                  <a:pt x="1991091" y="6858000"/>
                </a:lnTo>
                <a:lnTo>
                  <a:pt x="1704151" y="6858000"/>
                </a:lnTo>
                <a:cubicBezTo>
                  <a:pt x="727105" y="6675120"/>
                  <a:pt x="0" y="5783580"/>
                  <a:pt x="0" y="4800600"/>
                </a:cubicBezTo>
                <a:cubicBezTo>
                  <a:pt x="0" y="4800600"/>
                  <a:pt x="0" y="4800600"/>
                  <a:pt x="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 lIns="72000" tIns="72000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Click icon to add picture</a:t>
            </a:r>
          </a:p>
        </p:txBody>
      </p:sp>
      <p:pic>
        <p:nvPicPr>
          <p:cNvPr id="5" name="Picture 4" title="Humana Logo">
            <a:extLst>
              <a:ext uri="{FF2B5EF4-FFF2-40B4-BE49-F238E27FC236}">
                <a16:creationId xmlns:a16="http://schemas.microsoft.com/office/drawing/2014/main" id="{A5474D75-8369-D34D-B5BF-4810462D727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47700" y="6216617"/>
            <a:ext cx="1446306" cy="2810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91093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325464-E632-4916-B578-42F4674FAD3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181600" y="1143000"/>
            <a:ext cx="6650038" cy="4318000"/>
          </a:xfrm>
        </p:spPr>
        <p:txBody>
          <a:bodyPr anchor="ctr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3F7F2DF-50BB-3D42-9D90-F311DC6C90F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43000" y="1320800"/>
            <a:ext cx="2740659" cy="39623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740758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42564D93-75E5-4081-86CF-E6C5751712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124200" y="1143000"/>
            <a:ext cx="8707438" cy="4318000"/>
          </a:xfrm>
        </p:spPr>
        <p:txBody>
          <a:bodyPr anchor="ctr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311D2DD-04A1-9E46-B431-7F38BE5A7F3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17101" b="11111"/>
          <a:stretch/>
        </p:blipFill>
        <p:spPr>
          <a:xfrm>
            <a:off x="0" y="762000"/>
            <a:ext cx="5540799" cy="609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7698683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69D6F2D-BC9C-42BE-B497-A4962ED1A14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0" y="0"/>
            <a:ext cx="12192000" cy="6858000"/>
          </a:xfrm>
          <a:solidFill>
            <a:schemeClr val="accent2"/>
          </a:solidFill>
        </p:spPr>
        <p:txBody>
          <a:bodyPr/>
          <a:lstStyle>
            <a:lvl1pPr>
              <a:defRPr sz="100"/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64436ABC-1756-4391-B354-FA55DAB8F2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914399"/>
            <a:ext cx="5767386" cy="5029199"/>
          </a:xfrm>
        </p:spPr>
        <p:txBody>
          <a:bodyPr anchor="ctr"/>
          <a:lstStyle>
            <a:lvl1pPr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8"/>
          <p:cNvSpPr>
            <a:spLocks noGrp="1"/>
          </p:cNvSpPr>
          <p:nvPr>
            <p:ph type="pic" sz="quarter" idx="10" hasCustomPrompt="1"/>
          </p:nvPr>
        </p:nvSpPr>
        <p:spPr>
          <a:xfrm>
            <a:off x="7329488" y="0"/>
            <a:ext cx="4862512" cy="6858000"/>
          </a:xfrm>
          <a:custGeom>
            <a:avLst/>
            <a:gdLst>
              <a:gd name="connsiteX0" fmla="*/ 0 w 4862512"/>
              <a:gd name="connsiteY0" fmla="*/ 0 h 6858000"/>
              <a:gd name="connsiteX1" fmla="*/ 1187 w 4862512"/>
              <a:gd name="connsiteY1" fmla="*/ 0 h 6858000"/>
              <a:gd name="connsiteX2" fmla="*/ 9497 w 4862512"/>
              <a:gd name="connsiteY2" fmla="*/ 0 h 6858000"/>
              <a:gd name="connsiteX3" fmla="*/ 32053 w 4862512"/>
              <a:gd name="connsiteY3" fmla="*/ 0 h 6858000"/>
              <a:gd name="connsiteX4" fmla="*/ 75977 w 4862512"/>
              <a:gd name="connsiteY4" fmla="*/ 0 h 6858000"/>
              <a:gd name="connsiteX5" fmla="*/ 148392 w 4862512"/>
              <a:gd name="connsiteY5" fmla="*/ 0 h 6858000"/>
              <a:gd name="connsiteX6" fmla="*/ 256422 w 4862512"/>
              <a:gd name="connsiteY6" fmla="*/ 0 h 6858000"/>
              <a:gd name="connsiteX7" fmla="*/ 407188 w 4862512"/>
              <a:gd name="connsiteY7" fmla="*/ 0 h 6858000"/>
              <a:gd name="connsiteX8" fmla="*/ 500824 w 4862512"/>
              <a:gd name="connsiteY8" fmla="*/ 0 h 6858000"/>
              <a:gd name="connsiteX9" fmla="*/ 607814 w 4862512"/>
              <a:gd name="connsiteY9" fmla="*/ 0 h 6858000"/>
              <a:gd name="connsiteX10" fmla="*/ 729051 w 4862512"/>
              <a:gd name="connsiteY10" fmla="*/ 0 h 6858000"/>
              <a:gd name="connsiteX11" fmla="*/ 865423 w 4862512"/>
              <a:gd name="connsiteY11" fmla="*/ 0 h 6858000"/>
              <a:gd name="connsiteX12" fmla="*/ 1017822 w 4862512"/>
              <a:gd name="connsiteY12" fmla="*/ 0 h 6858000"/>
              <a:gd name="connsiteX13" fmla="*/ 1187137 w 4862512"/>
              <a:gd name="connsiteY13" fmla="*/ 0 h 6858000"/>
              <a:gd name="connsiteX14" fmla="*/ 1374259 w 4862512"/>
              <a:gd name="connsiteY14" fmla="*/ 0 h 6858000"/>
              <a:gd name="connsiteX15" fmla="*/ 1580079 w 4862512"/>
              <a:gd name="connsiteY15" fmla="*/ 0 h 6858000"/>
              <a:gd name="connsiteX16" fmla="*/ 1805487 w 4862512"/>
              <a:gd name="connsiteY16" fmla="*/ 0 h 6858000"/>
              <a:gd name="connsiteX17" fmla="*/ 2051372 w 4862512"/>
              <a:gd name="connsiteY17" fmla="*/ 0 h 6858000"/>
              <a:gd name="connsiteX18" fmla="*/ 2318626 w 4862512"/>
              <a:gd name="connsiteY18" fmla="*/ 0 h 6858000"/>
              <a:gd name="connsiteX19" fmla="*/ 2608139 w 4862512"/>
              <a:gd name="connsiteY19" fmla="*/ 0 h 6858000"/>
              <a:gd name="connsiteX20" fmla="*/ 2920801 w 4862512"/>
              <a:gd name="connsiteY20" fmla="*/ 0 h 6858000"/>
              <a:gd name="connsiteX21" fmla="*/ 3257503 w 4862512"/>
              <a:gd name="connsiteY21" fmla="*/ 0 h 6858000"/>
              <a:gd name="connsiteX22" fmla="*/ 3619135 w 4862512"/>
              <a:gd name="connsiteY22" fmla="*/ 0 h 6858000"/>
              <a:gd name="connsiteX23" fmla="*/ 4006586 w 4862512"/>
              <a:gd name="connsiteY23" fmla="*/ 0 h 6858000"/>
              <a:gd name="connsiteX24" fmla="*/ 4420749 w 4862512"/>
              <a:gd name="connsiteY24" fmla="*/ 0 h 6858000"/>
              <a:gd name="connsiteX25" fmla="*/ 4862512 w 4862512"/>
              <a:gd name="connsiteY25" fmla="*/ 0 h 6858000"/>
              <a:gd name="connsiteX26" fmla="*/ 4862512 w 4862512"/>
              <a:gd name="connsiteY26" fmla="*/ 1675 h 6858000"/>
              <a:gd name="connsiteX27" fmla="*/ 4862512 w 4862512"/>
              <a:gd name="connsiteY27" fmla="*/ 13395 h 6858000"/>
              <a:gd name="connsiteX28" fmla="*/ 4862512 w 4862512"/>
              <a:gd name="connsiteY28" fmla="*/ 26161 h 6858000"/>
              <a:gd name="connsiteX29" fmla="*/ 4862512 w 4862512"/>
              <a:gd name="connsiteY29" fmla="*/ 45207 h 6858000"/>
              <a:gd name="connsiteX30" fmla="*/ 4862512 w 4862512"/>
              <a:gd name="connsiteY30" fmla="*/ 71787 h 6858000"/>
              <a:gd name="connsiteX31" fmla="*/ 4862512 w 4862512"/>
              <a:gd name="connsiteY31" fmla="*/ 107156 h 6858000"/>
              <a:gd name="connsiteX32" fmla="*/ 4862512 w 4862512"/>
              <a:gd name="connsiteY32" fmla="*/ 152572 h 6858000"/>
              <a:gd name="connsiteX33" fmla="*/ 4862512 w 4862512"/>
              <a:gd name="connsiteY33" fmla="*/ 209290 h 6858000"/>
              <a:gd name="connsiteX34" fmla="*/ 4862512 w 4862512"/>
              <a:gd name="connsiteY34" fmla="*/ 278565 h 6858000"/>
              <a:gd name="connsiteX35" fmla="*/ 4862512 w 4862512"/>
              <a:gd name="connsiteY35" fmla="*/ 361653 h 6858000"/>
              <a:gd name="connsiteX36" fmla="*/ 4862512 w 4862512"/>
              <a:gd name="connsiteY36" fmla="*/ 459809 h 6858000"/>
              <a:gd name="connsiteX37" fmla="*/ 4862512 w 4862512"/>
              <a:gd name="connsiteY37" fmla="*/ 574291 h 6858000"/>
              <a:gd name="connsiteX38" fmla="*/ 4862512 w 4862512"/>
              <a:gd name="connsiteY38" fmla="*/ 706352 h 6858000"/>
              <a:gd name="connsiteX39" fmla="*/ 4862512 w 4862512"/>
              <a:gd name="connsiteY39" fmla="*/ 857250 h 6858000"/>
              <a:gd name="connsiteX40" fmla="*/ 4862512 w 4862512"/>
              <a:gd name="connsiteY40" fmla="*/ 1028240 h 6858000"/>
              <a:gd name="connsiteX41" fmla="*/ 4862512 w 4862512"/>
              <a:gd name="connsiteY41" fmla="*/ 1220577 h 6858000"/>
              <a:gd name="connsiteX42" fmla="*/ 4862512 w 4862512"/>
              <a:gd name="connsiteY42" fmla="*/ 1435517 h 6858000"/>
              <a:gd name="connsiteX43" fmla="*/ 4862512 w 4862512"/>
              <a:gd name="connsiteY43" fmla="*/ 1674317 h 6858000"/>
              <a:gd name="connsiteX44" fmla="*/ 4862512 w 4862512"/>
              <a:gd name="connsiteY44" fmla="*/ 1938231 h 6858000"/>
              <a:gd name="connsiteX45" fmla="*/ 4862512 w 4862512"/>
              <a:gd name="connsiteY45" fmla="*/ 2228515 h 6858000"/>
              <a:gd name="connsiteX46" fmla="*/ 4862512 w 4862512"/>
              <a:gd name="connsiteY46" fmla="*/ 2546426 h 6858000"/>
              <a:gd name="connsiteX47" fmla="*/ 4862512 w 4862512"/>
              <a:gd name="connsiteY47" fmla="*/ 2716134 h 6858000"/>
              <a:gd name="connsiteX48" fmla="*/ 4862512 w 4862512"/>
              <a:gd name="connsiteY48" fmla="*/ 2893219 h 6858000"/>
              <a:gd name="connsiteX49" fmla="*/ 4862512 w 4862512"/>
              <a:gd name="connsiteY49" fmla="*/ 3077839 h 6858000"/>
              <a:gd name="connsiteX50" fmla="*/ 4862512 w 4862512"/>
              <a:gd name="connsiteY50" fmla="*/ 3270149 h 6858000"/>
              <a:gd name="connsiteX51" fmla="*/ 4862512 w 4862512"/>
              <a:gd name="connsiteY51" fmla="*/ 3470309 h 6858000"/>
              <a:gd name="connsiteX52" fmla="*/ 4862512 w 4862512"/>
              <a:gd name="connsiteY52" fmla="*/ 3678473 h 6858000"/>
              <a:gd name="connsiteX53" fmla="*/ 4862512 w 4862512"/>
              <a:gd name="connsiteY53" fmla="*/ 3894800 h 6858000"/>
              <a:gd name="connsiteX54" fmla="*/ 4862512 w 4862512"/>
              <a:gd name="connsiteY54" fmla="*/ 4119446 h 6858000"/>
              <a:gd name="connsiteX55" fmla="*/ 4862512 w 4862512"/>
              <a:gd name="connsiteY55" fmla="*/ 4352569 h 6858000"/>
              <a:gd name="connsiteX56" fmla="*/ 4862512 w 4862512"/>
              <a:gd name="connsiteY56" fmla="*/ 4594324 h 6858000"/>
              <a:gd name="connsiteX57" fmla="*/ 4862512 w 4862512"/>
              <a:gd name="connsiteY57" fmla="*/ 4844870 h 6858000"/>
              <a:gd name="connsiteX58" fmla="*/ 4862512 w 4862512"/>
              <a:gd name="connsiteY58" fmla="*/ 5104363 h 6858000"/>
              <a:gd name="connsiteX59" fmla="*/ 4862512 w 4862512"/>
              <a:gd name="connsiteY59" fmla="*/ 5372960 h 6858000"/>
              <a:gd name="connsiteX60" fmla="*/ 4862512 w 4862512"/>
              <a:gd name="connsiteY60" fmla="*/ 5650818 h 6858000"/>
              <a:gd name="connsiteX61" fmla="*/ 4862512 w 4862512"/>
              <a:gd name="connsiteY61" fmla="*/ 5938094 h 6858000"/>
              <a:gd name="connsiteX62" fmla="*/ 4862512 w 4862512"/>
              <a:gd name="connsiteY62" fmla="*/ 6234945 h 6858000"/>
              <a:gd name="connsiteX63" fmla="*/ 4862512 w 4862512"/>
              <a:gd name="connsiteY63" fmla="*/ 6541528 h 6858000"/>
              <a:gd name="connsiteX64" fmla="*/ 4862512 w 4862512"/>
              <a:gd name="connsiteY64" fmla="*/ 6858000 h 6858000"/>
              <a:gd name="connsiteX65" fmla="*/ 4856343 w 4862512"/>
              <a:gd name="connsiteY65" fmla="*/ 6858000 h 6858000"/>
              <a:gd name="connsiteX66" fmla="*/ 4841693 w 4862512"/>
              <a:gd name="connsiteY66" fmla="*/ 6858000 h 6858000"/>
              <a:gd name="connsiteX67" fmla="*/ 4813163 w 4862512"/>
              <a:gd name="connsiteY67" fmla="*/ 6858000 h 6858000"/>
              <a:gd name="connsiteX68" fmla="*/ 4766127 w 4862512"/>
              <a:gd name="connsiteY68" fmla="*/ 6858000 h 6858000"/>
              <a:gd name="connsiteX69" fmla="*/ 4695958 w 4862512"/>
              <a:gd name="connsiteY69" fmla="*/ 6858000 h 6858000"/>
              <a:gd name="connsiteX70" fmla="*/ 4598030 w 4862512"/>
              <a:gd name="connsiteY70" fmla="*/ 6858000 h 6858000"/>
              <a:gd name="connsiteX71" fmla="*/ 4467717 w 4862512"/>
              <a:gd name="connsiteY71" fmla="*/ 6858000 h 6858000"/>
              <a:gd name="connsiteX72" fmla="*/ 4300392 w 4862512"/>
              <a:gd name="connsiteY72" fmla="*/ 6858000 h 6858000"/>
              <a:gd name="connsiteX73" fmla="*/ 4091428 w 4862512"/>
              <a:gd name="connsiteY73" fmla="*/ 6858000 h 6858000"/>
              <a:gd name="connsiteX74" fmla="*/ 3836199 w 4862512"/>
              <a:gd name="connsiteY74" fmla="*/ 6858000 h 6858000"/>
              <a:gd name="connsiteX75" fmla="*/ 3689789 w 4862512"/>
              <a:gd name="connsiteY75" fmla="*/ 6858000 h 6858000"/>
              <a:gd name="connsiteX76" fmla="*/ 3530078 w 4862512"/>
              <a:gd name="connsiteY76" fmla="*/ 6858000 h 6858000"/>
              <a:gd name="connsiteX77" fmla="*/ 3356488 w 4862512"/>
              <a:gd name="connsiteY77" fmla="*/ 6858000 h 6858000"/>
              <a:gd name="connsiteX78" fmla="*/ 3168440 w 4862512"/>
              <a:gd name="connsiteY78" fmla="*/ 6858000 h 6858000"/>
              <a:gd name="connsiteX79" fmla="*/ 2965356 w 4862512"/>
              <a:gd name="connsiteY79" fmla="*/ 6858000 h 6858000"/>
              <a:gd name="connsiteX80" fmla="*/ 2746657 w 4862512"/>
              <a:gd name="connsiteY80" fmla="*/ 6858000 h 6858000"/>
              <a:gd name="connsiteX81" fmla="*/ 2511765 w 4862512"/>
              <a:gd name="connsiteY81" fmla="*/ 6858000 h 6858000"/>
              <a:gd name="connsiteX82" fmla="*/ 2260103 w 4862512"/>
              <a:gd name="connsiteY82" fmla="*/ 6858000 h 6858000"/>
              <a:gd name="connsiteX83" fmla="*/ 1991091 w 4862512"/>
              <a:gd name="connsiteY83" fmla="*/ 6858000 h 6858000"/>
              <a:gd name="connsiteX84" fmla="*/ 1704151 w 4862512"/>
              <a:gd name="connsiteY84" fmla="*/ 6858000 h 6858000"/>
              <a:gd name="connsiteX85" fmla="*/ 0 w 4862512"/>
              <a:gd name="connsiteY85" fmla="*/ 4800600 h 6858000"/>
              <a:gd name="connsiteX86" fmla="*/ 0 w 4862512"/>
              <a:gd name="connsiteY86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862512" h="6858000">
                <a:moveTo>
                  <a:pt x="0" y="0"/>
                </a:moveTo>
                <a:lnTo>
                  <a:pt x="1187" y="0"/>
                </a:lnTo>
                <a:lnTo>
                  <a:pt x="9497" y="0"/>
                </a:lnTo>
                <a:lnTo>
                  <a:pt x="32053" y="0"/>
                </a:lnTo>
                <a:lnTo>
                  <a:pt x="75977" y="0"/>
                </a:lnTo>
                <a:lnTo>
                  <a:pt x="148392" y="0"/>
                </a:lnTo>
                <a:lnTo>
                  <a:pt x="256422" y="0"/>
                </a:lnTo>
                <a:lnTo>
                  <a:pt x="407188" y="0"/>
                </a:lnTo>
                <a:lnTo>
                  <a:pt x="500824" y="0"/>
                </a:lnTo>
                <a:lnTo>
                  <a:pt x="607814" y="0"/>
                </a:lnTo>
                <a:lnTo>
                  <a:pt x="729051" y="0"/>
                </a:lnTo>
                <a:lnTo>
                  <a:pt x="865423" y="0"/>
                </a:lnTo>
                <a:lnTo>
                  <a:pt x="1017822" y="0"/>
                </a:lnTo>
                <a:lnTo>
                  <a:pt x="1187137" y="0"/>
                </a:lnTo>
                <a:lnTo>
                  <a:pt x="1374259" y="0"/>
                </a:lnTo>
                <a:lnTo>
                  <a:pt x="1580079" y="0"/>
                </a:lnTo>
                <a:lnTo>
                  <a:pt x="1805487" y="0"/>
                </a:lnTo>
                <a:lnTo>
                  <a:pt x="2051372" y="0"/>
                </a:lnTo>
                <a:lnTo>
                  <a:pt x="2318626" y="0"/>
                </a:lnTo>
                <a:lnTo>
                  <a:pt x="2608139" y="0"/>
                </a:lnTo>
                <a:lnTo>
                  <a:pt x="2920801" y="0"/>
                </a:lnTo>
                <a:lnTo>
                  <a:pt x="3257503" y="0"/>
                </a:lnTo>
                <a:lnTo>
                  <a:pt x="3619135" y="0"/>
                </a:lnTo>
                <a:lnTo>
                  <a:pt x="4006586" y="0"/>
                </a:lnTo>
                <a:lnTo>
                  <a:pt x="4420749" y="0"/>
                </a:lnTo>
                <a:lnTo>
                  <a:pt x="4862512" y="0"/>
                </a:lnTo>
                <a:lnTo>
                  <a:pt x="4862512" y="1675"/>
                </a:lnTo>
                <a:lnTo>
                  <a:pt x="4862512" y="13395"/>
                </a:lnTo>
                <a:lnTo>
                  <a:pt x="4862512" y="26161"/>
                </a:lnTo>
                <a:lnTo>
                  <a:pt x="4862512" y="45207"/>
                </a:lnTo>
                <a:lnTo>
                  <a:pt x="4862512" y="71787"/>
                </a:lnTo>
                <a:lnTo>
                  <a:pt x="4862512" y="107156"/>
                </a:lnTo>
                <a:lnTo>
                  <a:pt x="4862512" y="152572"/>
                </a:lnTo>
                <a:lnTo>
                  <a:pt x="4862512" y="209290"/>
                </a:lnTo>
                <a:lnTo>
                  <a:pt x="4862512" y="278565"/>
                </a:lnTo>
                <a:lnTo>
                  <a:pt x="4862512" y="361653"/>
                </a:lnTo>
                <a:lnTo>
                  <a:pt x="4862512" y="459809"/>
                </a:lnTo>
                <a:lnTo>
                  <a:pt x="4862512" y="574291"/>
                </a:lnTo>
                <a:lnTo>
                  <a:pt x="4862512" y="706352"/>
                </a:lnTo>
                <a:lnTo>
                  <a:pt x="4862512" y="857250"/>
                </a:lnTo>
                <a:lnTo>
                  <a:pt x="4862512" y="1028240"/>
                </a:lnTo>
                <a:lnTo>
                  <a:pt x="4862512" y="1220577"/>
                </a:lnTo>
                <a:lnTo>
                  <a:pt x="4862512" y="1435517"/>
                </a:lnTo>
                <a:lnTo>
                  <a:pt x="4862512" y="1674317"/>
                </a:lnTo>
                <a:lnTo>
                  <a:pt x="4862512" y="1938231"/>
                </a:lnTo>
                <a:lnTo>
                  <a:pt x="4862512" y="2228515"/>
                </a:lnTo>
                <a:lnTo>
                  <a:pt x="4862512" y="2546426"/>
                </a:lnTo>
                <a:lnTo>
                  <a:pt x="4862512" y="2716134"/>
                </a:lnTo>
                <a:lnTo>
                  <a:pt x="4862512" y="2893219"/>
                </a:lnTo>
                <a:lnTo>
                  <a:pt x="4862512" y="3077839"/>
                </a:lnTo>
                <a:lnTo>
                  <a:pt x="4862512" y="3270149"/>
                </a:lnTo>
                <a:lnTo>
                  <a:pt x="4862512" y="3470309"/>
                </a:lnTo>
                <a:lnTo>
                  <a:pt x="4862512" y="3678473"/>
                </a:lnTo>
                <a:lnTo>
                  <a:pt x="4862512" y="3894800"/>
                </a:lnTo>
                <a:lnTo>
                  <a:pt x="4862512" y="4119446"/>
                </a:lnTo>
                <a:lnTo>
                  <a:pt x="4862512" y="4352569"/>
                </a:lnTo>
                <a:lnTo>
                  <a:pt x="4862512" y="4594324"/>
                </a:lnTo>
                <a:lnTo>
                  <a:pt x="4862512" y="4844870"/>
                </a:lnTo>
                <a:lnTo>
                  <a:pt x="4862512" y="5104363"/>
                </a:lnTo>
                <a:lnTo>
                  <a:pt x="4862512" y="5372960"/>
                </a:lnTo>
                <a:lnTo>
                  <a:pt x="4862512" y="5650818"/>
                </a:lnTo>
                <a:lnTo>
                  <a:pt x="4862512" y="5938094"/>
                </a:lnTo>
                <a:lnTo>
                  <a:pt x="4862512" y="6234945"/>
                </a:lnTo>
                <a:lnTo>
                  <a:pt x="4862512" y="6541528"/>
                </a:lnTo>
                <a:lnTo>
                  <a:pt x="4862512" y="6858000"/>
                </a:lnTo>
                <a:lnTo>
                  <a:pt x="4856343" y="6858000"/>
                </a:lnTo>
                <a:lnTo>
                  <a:pt x="4841693" y="6858000"/>
                </a:lnTo>
                <a:lnTo>
                  <a:pt x="4813163" y="6858000"/>
                </a:lnTo>
                <a:lnTo>
                  <a:pt x="4766127" y="6858000"/>
                </a:lnTo>
                <a:lnTo>
                  <a:pt x="4695958" y="6858000"/>
                </a:lnTo>
                <a:lnTo>
                  <a:pt x="4598030" y="6858000"/>
                </a:lnTo>
                <a:lnTo>
                  <a:pt x="4467717" y="6858000"/>
                </a:lnTo>
                <a:lnTo>
                  <a:pt x="4300392" y="6858000"/>
                </a:lnTo>
                <a:lnTo>
                  <a:pt x="4091428" y="6858000"/>
                </a:lnTo>
                <a:lnTo>
                  <a:pt x="3836199" y="6858000"/>
                </a:lnTo>
                <a:lnTo>
                  <a:pt x="3689789" y="6858000"/>
                </a:lnTo>
                <a:lnTo>
                  <a:pt x="3530078" y="6858000"/>
                </a:lnTo>
                <a:lnTo>
                  <a:pt x="3356488" y="6858000"/>
                </a:lnTo>
                <a:lnTo>
                  <a:pt x="3168440" y="6858000"/>
                </a:lnTo>
                <a:lnTo>
                  <a:pt x="2965356" y="6858000"/>
                </a:lnTo>
                <a:lnTo>
                  <a:pt x="2746657" y="6858000"/>
                </a:lnTo>
                <a:lnTo>
                  <a:pt x="2511765" y="6858000"/>
                </a:lnTo>
                <a:lnTo>
                  <a:pt x="2260103" y="6858000"/>
                </a:lnTo>
                <a:lnTo>
                  <a:pt x="1991091" y="6858000"/>
                </a:lnTo>
                <a:lnTo>
                  <a:pt x="1704151" y="6858000"/>
                </a:lnTo>
                <a:cubicBezTo>
                  <a:pt x="727105" y="6675120"/>
                  <a:pt x="0" y="5783580"/>
                  <a:pt x="0" y="4800600"/>
                </a:cubicBezTo>
                <a:cubicBezTo>
                  <a:pt x="0" y="4800600"/>
                  <a:pt x="0" y="4800600"/>
                  <a:pt x="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 lIns="72000" tIns="72000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Click on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90999342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7BD8A651-8602-4F74-A06B-2461F1BB3AA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0" y="0"/>
            <a:ext cx="12192000" cy="6858000"/>
          </a:xfrm>
          <a:solidFill>
            <a:schemeClr val="accent2"/>
          </a:solidFill>
        </p:spPr>
        <p:txBody>
          <a:bodyPr/>
          <a:lstStyle>
            <a:lvl1pPr>
              <a:defRPr sz="100"/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5895DC8-1F7C-4B7B-A3F1-4BFB472BF49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760594" y="609600"/>
            <a:ext cx="4071043" cy="4597400"/>
          </a:xfrm>
        </p:spPr>
        <p:txBody>
          <a:bodyPr anchor="ctr"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7" name="Picture Placeholder 16"/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8999538" cy="6858000"/>
          </a:xfrm>
          <a:custGeom>
            <a:avLst/>
            <a:gdLst>
              <a:gd name="connsiteX0" fmla="*/ 0 w 8999538"/>
              <a:gd name="connsiteY0" fmla="*/ 0 h 6858000"/>
              <a:gd name="connsiteX1" fmla="*/ 1782 w 8999538"/>
              <a:gd name="connsiteY1" fmla="*/ 0 h 6858000"/>
              <a:gd name="connsiteX2" fmla="*/ 14251 w 8999538"/>
              <a:gd name="connsiteY2" fmla="*/ 0 h 6858000"/>
              <a:gd name="connsiteX3" fmla="*/ 48095 w 8999538"/>
              <a:gd name="connsiteY3" fmla="*/ 0 h 6858000"/>
              <a:gd name="connsiteX4" fmla="*/ 114003 w 8999538"/>
              <a:gd name="connsiteY4" fmla="*/ 0 h 6858000"/>
              <a:gd name="connsiteX5" fmla="*/ 162320 w 8999538"/>
              <a:gd name="connsiteY5" fmla="*/ 0 h 6858000"/>
              <a:gd name="connsiteX6" fmla="*/ 222661 w 8999538"/>
              <a:gd name="connsiteY6" fmla="*/ 0 h 6858000"/>
              <a:gd name="connsiteX7" fmla="*/ 296362 w 8999538"/>
              <a:gd name="connsiteY7" fmla="*/ 0 h 6858000"/>
              <a:gd name="connsiteX8" fmla="*/ 384758 w 8999538"/>
              <a:gd name="connsiteY8" fmla="*/ 0 h 6858000"/>
              <a:gd name="connsiteX9" fmla="*/ 489186 w 8999538"/>
              <a:gd name="connsiteY9" fmla="*/ 0 h 6858000"/>
              <a:gd name="connsiteX10" fmla="*/ 610982 w 8999538"/>
              <a:gd name="connsiteY10" fmla="*/ 0 h 6858000"/>
              <a:gd name="connsiteX11" fmla="*/ 751481 w 8999538"/>
              <a:gd name="connsiteY11" fmla="*/ 0 h 6858000"/>
              <a:gd name="connsiteX12" fmla="*/ 912020 w 8999538"/>
              <a:gd name="connsiteY12" fmla="*/ 0 h 6858000"/>
              <a:gd name="connsiteX13" fmla="*/ 1093934 w 8999538"/>
              <a:gd name="connsiteY13" fmla="*/ 0 h 6858000"/>
              <a:gd name="connsiteX14" fmla="*/ 1298559 w 8999538"/>
              <a:gd name="connsiteY14" fmla="*/ 0 h 6858000"/>
              <a:gd name="connsiteX15" fmla="*/ 1527232 w 8999538"/>
              <a:gd name="connsiteY15" fmla="*/ 0 h 6858000"/>
              <a:gd name="connsiteX16" fmla="*/ 1781288 w 8999538"/>
              <a:gd name="connsiteY16" fmla="*/ 0 h 6858000"/>
              <a:gd name="connsiteX17" fmla="*/ 2062064 w 8999538"/>
              <a:gd name="connsiteY17" fmla="*/ 0 h 6858000"/>
              <a:gd name="connsiteX18" fmla="*/ 2370894 w 8999538"/>
              <a:gd name="connsiteY18" fmla="*/ 0 h 6858000"/>
              <a:gd name="connsiteX19" fmla="*/ 2709117 w 8999538"/>
              <a:gd name="connsiteY19" fmla="*/ 0 h 6858000"/>
              <a:gd name="connsiteX20" fmla="*/ 3078066 w 8999538"/>
              <a:gd name="connsiteY20" fmla="*/ 0 h 6858000"/>
              <a:gd name="connsiteX21" fmla="*/ 3479078 w 8999538"/>
              <a:gd name="connsiteY21" fmla="*/ 0 h 6858000"/>
              <a:gd name="connsiteX22" fmla="*/ 3913490 w 8999538"/>
              <a:gd name="connsiteY22" fmla="*/ 0 h 6858000"/>
              <a:gd name="connsiteX23" fmla="*/ 4382637 w 8999538"/>
              <a:gd name="connsiteY23" fmla="*/ 0 h 6858000"/>
              <a:gd name="connsiteX24" fmla="*/ 4887855 w 8999538"/>
              <a:gd name="connsiteY24" fmla="*/ 0 h 6858000"/>
              <a:gd name="connsiteX25" fmla="*/ 5430479 w 8999538"/>
              <a:gd name="connsiteY25" fmla="*/ 0 h 6858000"/>
              <a:gd name="connsiteX26" fmla="*/ 6011847 w 8999538"/>
              <a:gd name="connsiteY26" fmla="*/ 0 h 6858000"/>
              <a:gd name="connsiteX27" fmla="*/ 6633294 w 8999538"/>
              <a:gd name="connsiteY27" fmla="*/ 0 h 6858000"/>
              <a:gd name="connsiteX28" fmla="*/ 7296156 w 8999538"/>
              <a:gd name="connsiteY28" fmla="*/ 0 h 6858000"/>
              <a:gd name="connsiteX29" fmla="*/ 7296156 w 8999538"/>
              <a:gd name="connsiteY29" fmla="*/ 4806315 h 6858000"/>
              <a:gd name="connsiteX30" fmla="*/ 8999538 w 8999538"/>
              <a:gd name="connsiteY30" fmla="*/ 6858000 h 6858000"/>
              <a:gd name="connsiteX31" fmla="*/ 8997341 w 8999538"/>
              <a:gd name="connsiteY31" fmla="*/ 6858000 h 6858000"/>
              <a:gd name="connsiteX32" fmla="*/ 8981961 w 8999538"/>
              <a:gd name="connsiteY32" fmla="*/ 6858000 h 6858000"/>
              <a:gd name="connsiteX33" fmla="*/ 8940215 w 8999538"/>
              <a:gd name="connsiteY33" fmla="*/ 6858000 h 6858000"/>
              <a:gd name="connsiteX34" fmla="*/ 8858920 w 8999538"/>
              <a:gd name="connsiteY34" fmla="*/ 6858000 h 6858000"/>
              <a:gd name="connsiteX35" fmla="*/ 8799322 w 8999538"/>
              <a:gd name="connsiteY35" fmla="*/ 6858000 h 6858000"/>
              <a:gd name="connsiteX36" fmla="*/ 8724894 w 8999538"/>
              <a:gd name="connsiteY36" fmla="*/ 6858000 h 6858000"/>
              <a:gd name="connsiteX37" fmla="*/ 8633987 w 8999538"/>
              <a:gd name="connsiteY37" fmla="*/ 6858000 h 6858000"/>
              <a:gd name="connsiteX38" fmla="*/ 8524953 w 8999538"/>
              <a:gd name="connsiteY38" fmla="*/ 6858000 h 6858000"/>
              <a:gd name="connsiteX39" fmla="*/ 8396145 w 8999538"/>
              <a:gd name="connsiteY39" fmla="*/ 6858000 h 6858000"/>
              <a:gd name="connsiteX40" fmla="*/ 8245915 w 8999538"/>
              <a:gd name="connsiteY40" fmla="*/ 6858000 h 6858000"/>
              <a:gd name="connsiteX41" fmla="*/ 8072615 w 8999538"/>
              <a:gd name="connsiteY41" fmla="*/ 6858000 h 6858000"/>
              <a:gd name="connsiteX42" fmla="*/ 7874596 w 8999538"/>
              <a:gd name="connsiteY42" fmla="*/ 6858000 h 6858000"/>
              <a:gd name="connsiteX43" fmla="*/ 7650212 w 8999538"/>
              <a:gd name="connsiteY43" fmla="*/ 6858000 h 6858000"/>
              <a:gd name="connsiteX44" fmla="*/ 7397814 w 8999538"/>
              <a:gd name="connsiteY44" fmla="*/ 6858000 h 6858000"/>
              <a:gd name="connsiteX45" fmla="*/ 7115755 w 8999538"/>
              <a:gd name="connsiteY45" fmla="*/ 6858000 h 6858000"/>
              <a:gd name="connsiteX46" fmla="*/ 6802386 w 8999538"/>
              <a:gd name="connsiteY46" fmla="*/ 6858000 h 6858000"/>
              <a:gd name="connsiteX47" fmla="*/ 6456059 w 8999538"/>
              <a:gd name="connsiteY47" fmla="*/ 6858000 h 6858000"/>
              <a:gd name="connsiteX48" fmla="*/ 6075128 w 8999538"/>
              <a:gd name="connsiteY48" fmla="*/ 6858000 h 6858000"/>
              <a:gd name="connsiteX49" fmla="*/ 5657944 w 8999538"/>
              <a:gd name="connsiteY49" fmla="*/ 6858000 h 6858000"/>
              <a:gd name="connsiteX50" fmla="*/ 5202858 w 8999538"/>
              <a:gd name="connsiteY50" fmla="*/ 6858000 h 6858000"/>
              <a:gd name="connsiteX51" fmla="*/ 4708224 w 8999538"/>
              <a:gd name="connsiteY51" fmla="*/ 6858000 h 6858000"/>
              <a:gd name="connsiteX52" fmla="*/ 4172394 w 8999538"/>
              <a:gd name="connsiteY52" fmla="*/ 6858000 h 6858000"/>
              <a:gd name="connsiteX53" fmla="*/ 3593718 w 8999538"/>
              <a:gd name="connsiteY53" fmla="*/ 6858000 h 6858000"/>
              <a:gd name="connsiteX54" fmla="*/ 2970551 w 8999538"/>
              <a:gd name="connsiteY54" fmla="*/ 6858000 h 6858000"/>
              <a:gd name="connsiteX55" fmla="*/ 2301243 w 8999538"/>
              <a:gd name="connsiteY55" fmla="*/ 6858000 h 6858000"/>
              <a:gd name="connsiteX56" fmla="*/ 1584147 w 8999538"/>
              <a:gd name="connsiteY56" fmla="*/ 6858000 h 6858000"/>
              <a:gd name="connsiteX57" fmla="*/ 817616 w 8999538"/>
              <a:gd name="connsiteY57" fmla="*/ 6858000 h 6858000"/>
              <a:gd name="connsiteX58" fmla="*/ 0 w 8999538"/>
              <a:gd name="connsiteY58" fmla="*/ 6858000 h 6858000"/>
              <a:gd name="connsiteX59" fmla="*/ 0 w 8999538"/>
              <a:gd name="connsiteY59" fmla="*/ 6856326 h 6858000"/>
              <a:gd name="connsiteX60" fmla="*/ 0 w 8999538"/>
              <a:gd name="connsiteY60" fmla="*/ 6844606 h 6858000"/>
              <a:gd name="connsiteX61" fmla="*/ 0 w 8999538"/>
              <a:gd name="connsiteY61" fmla="*/ 6831839 h 6858000"/>
              <a:gd name="connsiteX62" fmla="*/ 0 w 8999538"/>
              <a:gd name="connsiteY62" fmla="*/ 6812794 h 6858000"/>
              <a:gd name="connsiteX63" fmla="*/ 0 w 8999538"/>
              <a:gd name="connsiteY63" fmla="*/ 6786214 h 6858000"/>
              <a:gd name="connsiteX64" fmla="*/ 0 w 8999538"/>
              <a:gd name="connsiteY64" fmla="*/ 6750844 h 6858000"/>
              <a:gd name="connsiteX65" fmla="*/ 0 w 8999538"/>
              <a:gd name="connsiteY65" fmla="*/ 6705428 h 6858000"/>
              <a:gd name="connsiteX66" fmla="*/ 0 w 8999538"/>
              <a:gd name="connsiteY66" fmla="*/ 6648711 h 6858000"/>
              <a:gd name="connsiteX67" fmla="*/ 0 w 8999538"/>
              <a:gd name="connsiteY67" fmla="*/ 6579436 h 6858000"/>
              <a:gd name="connsiteX68" fmla="*/ 0 w 8999538"/>
              <a:gd name="connsiteY68" fmla="*/ 6496348 h 6858000"/>
              <a:gd name="connsiteX69" fmla="*/ 0 w 8999538"/>
              <a:gd name="connsiteY69" fmla="*/ 6398191 h 6858000"/>
              <a:gd name="connsiteX70" fmla="*/ 0 w 8999538"/>
              <a:gd name="connsiteY70" fmla="*/ 6283710 h 6858000"/>
              <a:gd name="connsiteX71" fmla="*/ 0 w 8999538"/>
              <a:gd name="connsiteY71" fmla="*/ 6151648 h 6858000"/>
              <a:gd name="connsiteX72" fmla="*/ 0 w 8999538"/>
              <a:gd name="connsiteY72" fmla="*/ 6000750 h 6858000"/>
              <a:gd name="connsiteX73" fmla="*/ 0 w 8999538"/>
              <a:gd name="connsiteY73" fmla="*/ 5829761 h 6858000"/>
              <a:gd name="connsiteX74" fmla="*/ 0 w 8999538"/>
              <a:gd name="connsiteY74" fmla="*/ 5637424 h 6858000"/>
              <a:gd name="connsiteX75" fmla="*/ 0 w 8999538"/>
              <a:gd name="connsiteY75" fmla="*/ 5422483 h 6858000"/>
              <a:gd name="connsiteX76" fmla="*/ 0 w 8999538"/>
              <a:gd name="connsiteY76" fmla="*/ 5183684 h 6858000"/>
              <a:gd name="connsiteX77" fmla="*/ 0 w 8999538"/>
              <a:gd name="connsiteY77" fmla="*/ 4919770 h 6858000"/>
              <a:gd name="connsiteX78" fmla="*/ 0 w 8999538"/>
              <a:gd name="connsiteY78" fmla="*/ 4629485 h 6858000"/>
              <a:gd name="connsiteX79" fmla="*/ 0 w 8999538"/>
              <a:gd name="connsiteY79" fmla="*/ 4311574 h 6858000"/>
              <a:gd name="connsiteX80" fmla="*/ 0 w 8999538"/>
              <a:gd name="connsiteY80" fmla="*/ 4141866 h 6858000"/>
              <a:gd name="connsiteX81" fmla="*/ 0 w 8999538"/>
              <a:gd name="connsiteY81" fmla="*/ 3964781 h 6858000"/>
              <a:gd name="connsiteX82" fmla="*/ 0 w 8999538"/>
              <a:gd name="connsiteY82" fmla="*/ 3780162 h 6858000"/>
              <a:gd name="connsiteX83" fmla="*/ 0 w 8999538"/>
              <a:gd name="connsiteY83" fmla="*/ 3587851 h 6858000"/>
              <a:gd name="connsiteX84" fmla="*/ 0 w 8999538"/>
              <a:gd name="connsiteY84" fmla="*/ 3387692 h 6858000"/>
              <a:gd name="connsiteX85" fmla="*/ 0 w 8999538"/>
              <a:gd name="connsiteY85" fmla="*/ 3179527 h 6858000"/>
              <a:gd name="connsiteX86" fmla="*/ 0 w 8999538"/>
              <a:gd name="connsiteY86" fmla="*/ 2963200 h 6858000"/>
              <a:gd name="connsiteX87" fmla="*/ 0 w 8999538"/>
              <a:gd name="connsiteY87" fmla="*/ 2738554 h 6858000"/>
              <a:gd name="connsiteX88" fmla="*/ 0 w 8999538"/>
              <a:gd name="connsiteY88" fmla="*/ 2505432 h 6858000"/>
              <a:gd name="connsiteX89" fmla="*/ 0 w 8999538"/>
              <a:gd name="connsiteY89" fmla="*/ 2263676 h 6858000"/>
              <a:gd name="connsiteX90" fmla="*/ 0 w 8999538"/>
              <a:gd name="connsiteY90" fmla="*/ 2013130 h 6858000"/>
              <a:gd name="connsiteX91" fmla="*/ 0 w 8999538"/>
              <a:gd name="connsiteY91" fmla="*/ 1753637 h 6858000"/>
              <a:gd name="connsiteX92" fmla="*/ 0 w 8999538"/>
              <a:gd name="connsiteY92" fmla="*/ 1485040 h 6858000"/>
              <a:gd name="connsiteX93" fmla="*/ 0 w 8999538"/>
              <a:gd name="connsiteY93" fmla="*/ 1207182 h 6858000"/>
              <a:gd name="connsiteX94" fmla="*/ 0 w 8999538"/>
              <a:gd name="connsiteY94" fmla="*/ 919906 h 6858000"/>
              <a:gd name="connsiteX95" fmla="*/ 0 w 8999538"/>
              <a:gd name="connsiteY95" fmla="*/ 623055 h 6858000"/>
              <a:gd name="connsiteX96" fmla="*/ 0 w 8999538"/>
              <a:gd name="connsiteY96" fmla="*/ 31647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8999538" h="6858000">
                <a:moveTo>
                  <a:pt x="0" y="0"/>
                </a:moveTo>
                <a:lnTo>
                  <a:pt x="1782" y="0"/>
                </a:lnTo>
                <a:lnTo>
                  <a:pt x="14251" y="0"/>
                </a:lnTo>
                <a:lnTo>
                  <a:pt x="48095" y="0"/>
                </a:lnTo>
                <a:lnTo>
                  <a:pt x="114003" y="0"/>
                </a:lnTo>
                <a:lnTo>
                  <a:pt x="162320" y="0"/>
                </a:lnTo>
                <a:lnTo>
                  <a:pt x="222661" y="0"/>
                </a:lnTo>
                <a:lnTo>
                  <a:pt x="296362" y="0"/>
                </a:lnTo>
                <a:lnTo>
                  <a:pt x="384758" y="0"/>
                </a:lnTo>
                <a:lnTo>
                  <a:pt x="489186" y="0"/>
                </a:lnTo>
                <a:lnTo>
                  <a:pt x="610982" y="0"/>
                </a:lnTo>
                <a:lnTo>
                  <a:pt x="751481" y="0"/>
                </a:lnTo>
                <a:lnTo>
                  <a:pt x="912020" y="0"/>
                </a:lnTo>
                <a:lnTo>
                  <a:pt x="1093934" y="0"/>
                </a:lnTo>
                <a:lnTo>
                  <a:pt x="1298559" y="0"/>
                </a:lnTo>
                <a:lnTo>
                  <a:pt x="1527232" y="0"/>
                </a:lnTo>
                <a:lnTo>
                  <a:pt x="1781288" y="0"/>
                </a:lnTo>
                <a:lnTo>
                  <a:pt x="2062064" y="0"/>
                </a:lnTo>
                <a:lnTo>
                  <a:pt x="2370894" y="0"/>
                </a:lnTo>
                <a:lnTo>
                  <a:pt x="2709117" y="0"/>
                </a:lnTo>
                <a:lnTo>
                  <a:pt x="3078066" y="0"/>
                </a:lnTo>
                <a:lnTo>
                  <a:pt x="3479078" y="0"/>
                </a:lnTo>
                <a:lnTo>
                  <a:pt x="3913490" y="0"/>
                </a:lnTo>
                <a:lnTo>
                  <a:pt x="4382637" y="0"/>
                </a:lnTo>
                <a:lnTo>
                  <a:pt x="4887855" y="0"/>
                </a:lnTo>
                <a:lnTo>
                  <a:pt x="5430479" y="0"/>
                </a:lnTo>
                <a:lnTo>
                  <a:pt x="6011847" y="0"/>
                </a:lnTo>
                <a:lnTo>
                  <a:pt x="6633294" y="0"/>
                </a:lnTo>
                <a:lnTo>
                  <a:pt x="7296156" y="0"/>
                </a:lnTo>
                <a:cubicBezTo>
                  <a:pt x="7296156" y="0"/>
                  <a:pt x="7296156" y="0"/>
                  <a:pt x="7296156" y="4806315"/>
                </a:cubicBezTo>
                <a:cubicBezTo>
                  <a:pt x="7296156" y="5783580"/>
                  <a:pt x="8028610" y="6669405"/>
                  <a:pt x="8999538" y="6858000"/>
                </a:cubicBezTo>
                <a:lnTo>
                  <a:pt x="8997341" y="6858000"/>
                </a:lnTo>
                <a:lnTo>
                  <a:pt x="8981961" y="6858000"/>
                </a:lnTo>
                <a:lnTo>
                  <a:pt x="8940215" y="6858000"/>
                </a:lnTo>
                <a:lnTo>
                  <a:pt x="8858920" y="6858000"/>
                </a:lnTo>
                <a:lnTo>
                  <a:pt x="8799322" y="6858000"/>
                </a:lnTo>
                <a:lnTo>
                  <a:pt x="8724894" y="6858000"/>
                </a:lnTo>
                <a:lnTo>
                  <a:pt x="8633987" y="6858000"/>
                </a:lnTo>
                <a:lnTo>
                  <a:pt x="8524953" y="6858000"/>
                </a:lnTo>
                <a:lnTo>
                  <a:pt x="8396145" y="6858000"/>
                </a:lnTo>
                <a:lnTo>
                  <a:pt x="8245915" y="6858000"/>
                </a:lnTo>
                <a:lnTo>
                  <a:pt x="8072615" y="6858000"/>
                </a:lnTo>
                <a:lnTo>
                  <a:pt x="7874596" y="6858000"/>
                </a:lnTo>
                <a:lnTo>
                  <a:pt x="7650212" y="6858000"/>
                </a:lnTo>
                <a:lnTo>
                  <a:pt x="7397814" y="6858000"/>
                </a:lnTo>
                <a:lnTo>
                  <a:pt x="7115755" y="6858000"/>
                </a:lnTo>
                <a:lnTo>
                  <a:pt x="6802386" y="6858000"/>
                </a:lnTo>
                <a:lnTo>
                  <a:pt x="6456059" y="6858000"/>
                </a:lnTo>
                <a:lnTo>
                  <a:pt x="6075128" y="6858000"/>
                </a:lnTo>
                <a:lnTo>
                  <a:pt x="5657944" y="6858000"/>
                </a:lnTo>
                <a:lnTo>
                  <a:pt x="5202858" y="6858000"/>
                </a:lnTo>
                <a:lnTo>
                  <a:pt x="4708224" y="6858000"/>
                </a:lnTo>
                <a:lnTo>
                  <a:pt x="4172394" y="6858000"/>
                </a:lnTo>
                <a:lnTo>
                  <a:pt x="3593718" y="6858000"/>
                </a:lnTo>
                <a:lnTo>
                  <a:pt x="2970551" y="6858000"/>
                </a:lnTo>
                <a:lnTo>
                  <a:pt x="2301243" y="6858000"/>
                </a:lnTo>
                <a:lnTo>
                  <a:pt x="1584147" y="6858000"/>
                </a:lnTo>
                <a:lnTo>
                  <a:pt x="817616" y="6858000"/>
                </a:lnTo>
                <a:lnTo>
                  <a:pt x="0" y="6858000"/>
                </a:lnTo>
                <a:lnTo>
                  <a:pt x="0" y="6856326"/>
                </a:lnTo>
                <a:lnTo>
                  <a:pt x="0" y="6844606"/>
                </a:lnTo>
                <a:lnTo>
                  <a:pt x="0" y="6831839"/>
                </a:lnTo>
                <a:lnTo>
                  <a:pt x="0" y="6812794"/>
                </a:lnTo>
                <a:lnTo>
                  <a:pt x="0" y="6786214"/>
                </a:lnTo>
                <a:lnTo>
                  <a:pt x="0" y="6750844"/>
                </a:lnTo>
                <a:lnTo>
                  <a:pt x="0" y="6705428"/>
                </a:lnTo>
                <a:lnTo>
                  <a:pt x="0" y="6648711"/>
                </a:lnTo>
                <a:lnTo>
                  <a:pt x="0" y="6579436"/>
                </a:lnTo>
                <a:lnTo>
                  <a:pt x="0" y="6496348"/>
                </a:lnTo>
                <a:lnTo>
                  <a:pt x="0" y="6398191"/>
                </a:lnTo>
                <a:lnTo>
                  <a:pt x="0" y="6283710"/>
                </a:lnTo>
                <a:lnTo>
                  <a:pt x="0" y="6151648"/>
                </a:lnTo>
                <a:lnTo>
                  <a:pt x="0" y="6000750"/>
                </a:lnTo>
                <a:lnTo>
                  <a:pt x="0" y="5829761"/>
                </a:lnTo>
                <a:lnTo>
                  <a:pt x="0" y="5637424"/>
                </a:lnTo>
                <a:lnTo>
                  <a:pt x="0" y="5422483"/>
                </a:lnTo>
                <a:lnTo>
                  <a:pt x="0" y="5183684"/>
                </a:lnTo>
                <a:lnTo>
                  <a:pt x="0" y="4919770"/>
                </a:lnTo>
                <a:lnTo>
                  <a:pt x="0" y="4629485"/>
                </a:lnTo>
                <a:lnTo>
                  <a:pt x="0" y="4311574"/>
                </a:lnTo>
                <a:lnTo>
                  <a:pt x="0" y="4141866"/>
                </a:lnTo>
                <a:lnTo>
                  <a:pt x="0" y="3964781"/>
                </a:lnTo>
                <a:lnTo>
                  <a:pt x="0" y="3780162"/>
                </a:lnTo>
                <a:lnTo>
                  <a:pt x="0" y="3587851"/>
                </a:lnTo>
                <a:lnTo>
                  <a:pt x="0" y="3387692"/>
                </a:lnTo>
                <a:lnTo>
                  <a:pt x="0" y="3179527"/>
                </a:lnTo>
                <a:lnTo>
                  <a:pt x="0" y="2963200"/>
                </a:lnTo>
                <a:lnTo>
                  <a:pt x="0" y="2738554"/>
                </a:lnTo>
                <a:lnTo>
                  <a:pt x="0" y="2505432"/>
                </a:lnTo>
                <a:lnTo>
                  <a:pt x="0" y="2263676"/>
                </a:lnTo>
                <a:lnTo>
                  <a:pt x="0" y="2013130"/>
                </a:lnTo>
                <a:lnTo>
                  <a:pt x="0" y="1753637"/>
                </a:lnTo>
                <a:lnTo>
                  <a:pt x="0" y="1485040"/>
                </a:lnTo>
                <a:lnTo>
                  <a:pt x="0" y="1207182"/>
                </a:lnTo>
                <a:lnTo>
                  <a:pt x="0" y="919906"/>
                </a:lnTo>
                <a:lnTo>
                  <a:pt x="0" y="623055"/>
                </a:lnTo>
                <a:lnTo>
                  <a:pt x="0" y="316472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 lIns="72000" tIns="72000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Click on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8333548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ored backgro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3036275E-6401-47D3-99B8-D613E08E603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0" y="0"/>
            <a:ext cx="12192000" cy="6858000"/>
          </a:xfrm>
          <a:solidFill>
            <a:schemeClr val="accent2"/>
          </a:solidFill>
        </p:spPr>
        <p:txBody>
          <a:bodyPr/>
          <a:lstStyle>
            <a:lvl1pPr>
              <a:defRPr sz="100"/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2050B7E-20F8-DC41-8521-6F47040850F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r>
              <a:rPr lang="en-US" b="1" dirty="0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bg2"/>
                </a:solidFill>
              </a:rPr>
              <a:pPr/>
              <a:t>‹#›</a:t>
            </a:fld>
            <a:endParaRPr lang="en-US" dirty="0">
              <a:solidFill>
                <a:schemeClr val="bg2"/>
              </a:solidFill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3B1E585-5E2E-F94D-BAE9-9EC473DDD9D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154967602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44254290-7DE3-6B44-8595-33F864E076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47700" y="1828800"/>
            <a:ext cx="11175492" cy="3044952"/>
          </a:xfrm>
          <a:prstGeom prst="rect">
            <a:avLst/>
          </a:prstGeom>
        </p:spPr>
        <p:txBody>
          <a:bodyPr anchor="ctr"/>
          <a:lstStyle>
            <a:lvl1pPr marL="0" indent="0" algn="ctr">
              <a:lnSpc>
                <a:spcPct val="100000"/>
              </a:lnSpc>
              <a:buFont typeface="Arial" panose="020B0604020202020204" pitchFamily="34" charset="0"/>
              <a:buChar char="​"/>
              <a:defRPr sz="3200">
                <a:solidFill>
                  <a:schemeClr val="tx1"/>
                </a:solidFill>
              </a:defRPr>
            </a:lvl1pPr>
            <a:lvl2pPr marL="0" indent="0" algn="ctr">
              <a:buFont typeface="Arial" panose="020B0604020202020204" pitchFamily="34" charset="0"/>
              <a:buChar char="​"/>
              <a:defRPr/>
            </a:lvl2pPr>
          </a:lstStyle>
          <a:p>
            <a:pPr lvl="0"/>
            <a:r>
              <a:rPr lang="en-US" dirty="0"/>
              <a:t>Click to add quote, Enter + Tab for name</a:t>
            </a:r>
          </a:p>
          <a:p>
            <a:pPr lvl="1"/>
            <a:r>
              <a:rPr lang="en-US" dirty="0"/>
              <a:t>Level 2, Nam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FB950B3-1F1A-9A44-8C60-DC7B0045831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A423E85-AE4F-9A4A-9A32-BC2475460C74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F052C87-FB9F-0E4C-91F5-F939F69776C3}"/>
              </a:ext>
            </a:extLst>
          </p:cNvPr>
          <p:cNvSpPr/>
          <p:nvPr userDrawn="1"/>
        </p:nvSpPr>
        <p:spPr>
          <a:xfrm>
            <a:off x="0" y="0"/>
            <a:ext cx="320040" cy="6172200"/>
          </a:xfrm>
          <a:prstGeom prst="rect">
            <a:avLst/>
          </a:prstGeom>
          <a:solidFill>
            <a:schemeClr val="accent1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A69A2938-0DA7-934D-B9C9-9C7C73E9C063}"/>
              </a:ext>
            </a:extLst>
          </p:cNvPr>
          <p:cNvSpPr/>
          <p:nvPr userDrawn="1"/>
        </p:nvSpPr>
        <p:spPr>
          <a:xfrm>
            <a:off x="-1" y="6248400"/>
            <a:ext cx="320041" cy="609600"/>
          </a:xfrm>
          <a:prstGeom prst="rect">
            <a:avLst/>
          </a:prstGeom>
          <a:solidFill>
            <a:schemeClr val="accent2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1142806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96E4325-C8EF-4AB7-913E-B12C0D26B6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2095149"/>
            <a:ext cx="4479734" cy="2667702"/>
          </a:xfrm>
        </p:spPr>
        <p:txBody>
          <a:bodyPr anchor="ctr"/>
          <a:lstStyle>
            <a:lvl1pPr>
              <a:defRPr sz="5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44254290-7DE3-6B44-8595-33F864E0761D}"/>
              </a:ext>
            </a:extLst>
          </p:cNvPr>
          <p:cNvSpPr>
            <a:spLocks noGrp="1"/>
          </p:cNvSpPr>
          <p:nvPr userDrawn="1">
            <p:ph type="body" sz="quarter" idx="12"/>
          </p:nvPr>
        </p:nvSpPr>
        <p:spPr>
          <a:xfrm>
            <a:off x="5522298" y="2095150"/>
            <a:ext cx="6300894" cy="2667701"/>
          </a:xfrm>
          <a:prstGeom prst="rect">
            <a:avLst/>
          </a:prstGeom>
        </p:spPr>
        <p:txBody>
          <a:bodyPr anchor="ctr"/>
          <a:lstStyle>
            <a:lvl1pPr marL="0" indent="0" algn="l">
              <a:lnSpc>
                <a:spcPct val="150000"/>
              </a:lnSpc>
              <a:buNone/>
              <a:defRPr sz="1900">
                <a:solidFill>
                  <a:schemeClr val="tx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312AA11-764E-7047-9DB2-3929FBD5C174}"/>
              </a:ext>
            </a:extLst>
          </p:cNvPr>
          <p:cNvSpPr>
            <a:spLocks noGrp="1"/>
          </p:cNvSpPr>
          <p:nvPr userDrawn="1">
            <p:ph type="ftr" sz="quarter" idx="16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2E93802-628D-014A-8342-91C92F75B630}"/>
              </a:ext>
            </a:extLst>
          </p:cNvPr>
          <p:cNvSpPr>
            <a:spLocks noGrp="1"/>
          </p:cNvSpPr>
          <p:nvPr userDrawn="1">
            <p:ph type="sldNum" sz="quarter" idx="15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AE8DDFF3-88F3-0E45-B4F0-570E0206884C}"/>
              </a:ext>
            </a:extLst>
          </p:cNvPr>
          <p:cNvSpPr/>
          <p:nvPr userDrawn="1"/>
        </p:nvSpPr>
        <p:spPr>
          <a:xfrm>
            <a:off x="0" y="0"/>
            <a:ext cx="320040" cy="6172200"/>
          </a:xfrm>
          <a:prstGeom prst="rect">
            <a:avLst/>
          </a:prstGeom>
          <a:solidFill>
            <a:schemeClr val="accent1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B48FEC4-E132-FB44-B240-ADD130D11831}"/>
              </a:ext>
            </a:extLst>
          </p:cNvPr>
          <p:cNvSpPr/>
          <p:nvPr userDrawn="1"/>
        </p:nvSpPr>
        <p:spPr>
          <a:xfrm>
            <a:off x="-1" y="6248400"/>
            <a:ext cx="320041" cy="609600"/>
          </a:xfrm>
          <a:prstGeom prst="rect">
            <a:avLst/>
          </a:prstGeom>
          <a:solidFill>
            <a:schemeClr val="accent2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5EB701E-8C4A-3047-AED1-EAE347434DE6}"/>
              </a:ext>
            </a:extLst>
          </p:cNvPr>
          <p:cNvCxnSpPr>
            <a:cxnSpLocks/>
          </p:cNvCxnSpPr>
          <p:nvPr userDrawn="1"/>
        </p:nvCxnSpPr>
        <p:spPr>
          <a:xfrm>
            <a:off x="5324866" y="2095150"/>
            <a:ext cx="0" cy="2667701"/>
          </a:xfrm>
          <a:prstGeom prst="line">
            <a:avLst/>
          </a:prstGeom>
          <a:ln w="25400" cap="sq">
            <a:solidFill>
              <a:schemeClr val="accent1"/>
            </a:solidFill>
            <a:bevel/>
            <a:headEnd type="none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339884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AD9DB4DE-FDE9-EE44-862E-5A9C36031A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44254290-7DE3-6B44-8595-33F864E0761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519950" y="2095150"/>
            <a:ext cx="6303242" cy="2667701"/>
          </a:xfrm>
          <a:prstGeom prst="rect">
            <a:avLst/>
          </a:prstGeom>
        </p:spPr>
        <p:txBody>
          <a:bodyPr anchor="ctr"/>
          <a:lstStyle>
            <a:lvl1pPr marL="0" indent="0" algn="l">
              <a:lnSpc>
                <a:spcPct val="100000"/>
              </a:lnSpc>
              <a:buNone/>
              <a:defRPr sz="4800">
                <a:solidFill>
                  <a:schemeClr val="tx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E8D6957-8385-BA41-AC67-96E9BF1EE28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701" y="2095150"/>
            <a:ext cx="4482082" cy="2667701"/>
          </a:xfrm>
        </p:spPr>
        <p:txBody>
          <a:bodyPr anchor="ctr"/>
          <a:lstStyle>
            <a:lvl1pPr algn="ctr">
              <a:defRPr sz="11000" b="1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00%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F76ABBC-3139-584D-9469-11ECCE91FFB3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AE2CCC3-F479-E842-AE3C-887D18A9310C}"/>
              </a:ext>
            </a:extLst>
          </p:cNvPr>
          <p:cNvSpPr/>
          <p:nvPr userDrawn="1"/>
        </p:nvSpPr>
        <p:spPr>
          <a:xfrm>
            <a:off x="0" y="0"/>
            <a:ext cx="320040" cy="6172200"/>
          </a:xfrm>
          <a:prstGeom prst="rect">
            <a:avLst/>
          </a:prstGeom>
          <a:solidFill>
            <a:schemeClr val="accent1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B06628BD-DF26-894A-8C0F-D0132CE6573B}"/>
              </a:ext>
            </a:extLst>
          </p:cNvPr>
          <p:cNvSpPr/>
          <p:nvPr userDrawn="1"/>
        </p:nvSpPr>
        <p:spPr>
          <a:xfrm>
            <a:off x="-1" y="6248400"/>
            <a:ext cx="320041" cy="609600"/>
          </a:xfrm>
          <a:prstGeom prst="rect">
            <a:avLst/>
          </a:prstGeom>
          <a:solidFill>
            <a:schemeClr val="accent2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D9947CB-FACB-0840-AFD5-E6B6576284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819928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07FDA30D-D15A-2E47-90D0-24E5610C87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916958" y="365760"/>
            <a:ext cx="8906233" cy="603504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E8D6957-8385-BA41-AC67-96E9BF1EE28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916959" y="1841500"/>
            <a:ext cx="1955801" cy="1168400"/>
          </a:xfrm>
        </p:spPr>
        <p:txBody>
          <a:bodyPr anchor="ctr"/>
          <a:lstStyle>
            <a:lvl1pPr algn="r">
              <a:defRPr sz="6400" b="1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00%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44254290-7DE3-6B44-8595-33F864E0761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268944" y="1841500"/>
            <a:ext cx="6554247" cy="1168400"/>
          </a:xfrm>
          <a:prstGeom prst="rect">
            <a:avLst/>
          </a:prstGeom>
        </p:spPr>
        <p:txBody>
          <a:bodyPr anchor="ctr"/>
          <a:lstStyle>
            <a:lvl1pPr marL="0" indent="0" algn="l">
              <a:lnSpc>
                <a:spcPct val="100000"/>
              </a:lnSpc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38D2998-A776-3D49-80B7-2C974A4F863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16959" y="3849928"/>
            <a:ext cx="1955802" cy="1168400"/>
          </a:xfrm>
        </p:spPr>
        <p:txBody>
          <a:bodyPr anchor="ctr"/>
          <a:lstStyle>
            <a:lvl1pPr algn="r">
              <a:defRPr sz="6400" b="1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00%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6BE14881-CE3B-A941-B45C-92918736AAF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268944" y="3848100"/>
            <a:ext cx="6554247" cy="1168400"/>
          </a:xfrm>
          <a:prstGeom prst="rect">
            <a:avLst/>
          </a:prstGeom>
        </p:spPr>
        <p:txBody>
          <a:bodyPr anchor="ctr"/>
          <a:lstStyle>
            <a:lvl1pPr marL="0" indent="0" algn="l">
              <a:lnSpc>
                <a:spcPct val="100000"/>
              </a:lnSpc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endParaRPr lang="en-US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33969DCB-4232-0143-8615-239FE22DC0C8}"/>
              </a:ext>
            </a:extLst>
          </p:cNvPr>
          <p:cNvCxnSpPr/>
          <p:nvPr userDrawn="1"/>
        </p:nvCxnSpPr>
        <p:spPr>
          <a:xfrm>
            <a:off x="5064192" y="3848100"/>
            <a:ext cx="0" cy="1168400"/>
          </a:xfrm>
          <a:prstGeom prst="line">
            <a:avLst/>
          </a:prstGeom>
          <a:ln w="25400" cap="sq">
            <a:solidFill>
              <a:schemeClr val="accent1"/>
            </a:solidFill>
            <a:bevel/>
            <a:headEnd type="none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22034FFC-B08A-4749-B12F-394D3C4CCEBB}"/>
              </a:ext>
            </a:extLst>
          </p:cNvPr>
          <p:cNvCxnSpPr/>
          <p:nvPr userDrawn="1"/>
        </p:nvCxnSpPr>
        <p:spPr>
          <a:xfrm>
            <a:off x="5066417" y="1841500"/>
            <a:ext cx="0" cy="1168400"/>
          </a:xfrm>
          <a:prstGeom prst="line">
            <a:avLst/>
          </a:prstGeom>
          <a:ln w="25400" cap="sq">
            <a:solidFill>
              <a:schemeClr val="accent1"/>
            </a:solidFill>
            <a:bevel/>
            <a:headEnd type="none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A8D8E51-1272-D34C-A0D9-007837EBA8A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603992" y="6293485"/>
            <a:ext cx="1227646" cy="304800"/>
          </a:xfrm>
        </p:spPr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AFC496C3-AFEE-F04B-B71E-22F034AC71A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1051" b="19536"/>
          <a:stretch/>
        </p:blipFill>
        <p:spPr>
          <a:xfrm>
            <a:off x="282302" y="-1"/>
            <a:ext cx="1635760" cy="6858001"/>
          </a:xfrm>
          <a:prstGeom prst="rect">
            <a:avLst/>
          </a:prstGeom>
        </p:spPr>
      </p:pic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B7F7372-2F24-D44D-A081-9DE9F7E0731E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2916958" y="6293485"/>
            <a:ext cx="7687034" cy="304800"/>
          </a:xfrm>
        </p:spPr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284072706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081686-9B4E-2F4F-8D10-69023E75F9D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97EB533-E9D2-4D22-BD36-94FE44DAA9CD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47700" y="1898650"/>
            <a:ext cx="4473575" cy="355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chart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44254290-7DE3-6B44-8595-33F864E0761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522298" y="1898164"/>
            <a:ext cx="6300894" cy="3556000"/>
          </a:xfrm>
          <a:prstGeom prst="rect">
            <a:avLst/>
          </a:prstGeom>
        </p:spPr>
        <p:txBody>
          <a:bodyPr anchor="ctr"/>
          <a:lstStyle>
            <a:lvl1pPr marL="0" indent="0" algn="l">
              <a:lnSpc>
                <a:spcPct val="150000"/>
              </a:lnSpc>
              <a:buNone/>
              <a:defRPr sz="19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BEC92AC-3BB2-0643-954A-0D62DA3CAFB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94B978-C3C7-734F-B333-2F36FF25B2A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7190068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52E3CC0-A3C4-4E9D-AA6B-866AFC49D4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5003800"/>
            <a:ext cx="9410700" cy="1247408"/>
          </a:xfrm>
        </p:spPr>
        <p:txBody>
          <a:bodyPr anchor="b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4605338"/>
          </a:xfrm>
          <a:custGeom>
            <a:avLst/>
            <a:gdLst>
              <a:gd name="connsiteX0" fmla="*/ 0 w 12192000"/>
              <a:gd name="connsiteY0" fmla="*/ 0 h 4605338"/>
              <a:gd name="connsiteX1" fmla="*/ 2977 w 12192000"/>
              <a:gd name="connsiteY1" fmla="*/ 0 h 4605338"/>
              <a:gd name="connsiteX2" fmla="*/ 23813 w 12192000"/>
              <a:gd name="connsiteY2" fmla="*/ 0 h 4605338"/>
              <a:gd name="connsiteX3" fmla="*/ 46509 w 12192000"/>
              <a:gd name="connsiteY3" fmla="*/ 0 h 4605338"/>
              <a:gd name="connsiteX4" fmla="*/ 80368 w 12192000"/>
              <a:gd name="connsiteY4" fmla="*/ 0 h 4605338"/>
              <a:gd name="connsiteX5" fmla="*/ 127620 w 12192000"/>
              <a:gd name="connsiteY5" fmla="*/ 0 h 4605338"/>
              <a:gd name="connsiteX6" fmla="*/ 190500 w 12192000"/>
              <a:gd name="connsiteY6" fmla="*/ 0 h 4605338"/>
              <a:gd name="connsiteX7" fmla="*/ 271240 w 12192000"/>
              <a:gd name="connsiteY7" fmla="*/ 0 h 4605338"/>
              <a:gd name="connsiteX8" fmla="*/ 372071 w 12192000"/>
              <a:gd name="connsiteY8" fmla="*/ 0 h 4605338"/>
              <a:gd name="connsiteX9" fmla="*/ 495226 w 12192000"/>
              <a:gd name="connsiteY9" fmla="*/ 0 h 4605338"/>
              <a:gd name="connsiteX10" fmla="*/ 642938 w 12192000"/>
              <a:gd name="connsiteY10" fmla="*/ 0 h 4605338"/>
              <a:gd name="connsiteX11" fmla="*/ 817439 w 12192000"/>
              <a:gd name="connsiteY11" fmla="*/ 0 h 4605338"/>
              <a:gd name="connsiteX12" fmla="*/ 1020961 w 12192000"/>
              <a:gd name="connsiteY12" fmla="*/ 0 h 4605338"/>
              <a:gd name="connsiteX13" fmla="*/ 1255738 w 12192000"/>
              <a:gd name="connsiteY13" fmla="*/ 0 h 4605338"/>
              <a:gd name="connsiteX14" fmla="*/ 1524000 w 12192000"/>
              <a:gd name="connsiteY14" fmla="*/ 0 h 4605338"/>
              <a:gd name="connsiteX15" fmla="*/ 1827982 w 12192000"/>
              <a:gd name="connsiteY15" fmla="*/ 0 h 4605338"/>
              <a:gd name="connsiteX16" fmla="*/ 2169915 w 12192000"/>
              <a:gd name="connsiteY16" fmla="*/ 0 h 4605338"/>
              <a:gd name="connsiteX17" fmla="*/ 2552031 w 12192000"/>
              <a:gd name="connsiteY17" fmla="*/ 0 h 4605338"/>
              <a:gd name="connsiteX18" fmla="*/ 2976563 w 12192000"/>
              <a:gd name="connsiteY18" fmla="*/ 0 h 4605338"/>
              <a:gd name="connsiteX19" fmla="*/ 3445743 w 12192000"/>
              <a:gd name="connsiteY19" fmla="*/ 0 h 4605338"/>
              <a:gd name="connsiteX20" fmla="*/ 3961805 w 12192000"/>
              <a:gd name="connsiteY20" fmla="*/ 0 h 4605338"/>
              <a:gd name="connsiteX21" fmla="*/ 4526980 w 12192000"/>
              <a:gd name="connsiteY21" fmla="*/ 0 h 4605338"/>
              <a:gd name="connsiteX22" fmla="*/ 4828682 w 12192000"/>
              <a:gd name="connsiteY22" fmla="*/ 0 h 4605338"/>
              <a:gd name="connsiteX23" fmla="*/ 5143500 w 12192000"/>
              <a:gd name="connsiteY23" fmla="*/ 0 h 4605338"/>
              <a:gd name="connsiteX24" fmla="*/ 5471713 w 12192000"/>
              <a:gd name="connsiteY24" fmla="*/ 0 h 4605338"/>
              <a:gd name="connsiteX25" fmla="*/ 5813599 w 12192000"/>
              <a:gd name="connsiteY25" fmla="*/ 0 h 4605338"/>
              <a:gd name="connsiteX26" fmla="*/ 6169438 w 12192000"/>
              <a:gd name="connsiteY26" fmla="*/ 0 h 4605338"/>
              <a:gd name="connsiteX27" fmla="*/ 6539508 w 12192000"/>
              <a:gd name="connsiteY27" fmla="*/ 0 h 4605338"/>
              <a:gd name="connsiteX28" fmla="*/ 6924089 w 12192000"/>
              <a:gd name="connsiteY28" fmla="*/ 0 h 4605338"/>
              <a:gd name="connsiteX29" fmla="*/ 7323460 w 12192000"/>
              <a:gd name="connsiteY29" fmla="*/ 0 h 4605338"/>
              <a:gd name="connsiteX30" fmla="*/ 7737900 w 12192000"/>
              <a:gd name="connsiteY30" fmla="*/ 0 h 4605338"/>
              <a:gd name="connsiteX31" fmla="*/ 8167688 w 12192000"/>
              <a:gd name="connsiteY31" fmla="*/ 0 h 4605338"/>
              <a:gd name="connsiteX32" fmla="*/ 8613102 w 12192000"/>
              <a:gd name="connsiteY32" fmla="*/ 0 h 4605338"/>
              <a:gd name="connsiteX33" fmla="*/ 9074423 w 12192000"/>
              <a:gd name="connsiteY33" fmla="*/ 0 h 4605338"/>
              <a:gd name="connsiteX34" fmla="*/ 9551929 w 12192000"/>
              <a:gd name="connsiteY34" fmla="*/ 0 h 4605338"/>
              <a:gd name="connsiteX35" fmla="*/ 10045898 w 12192000"/>
              <a:gd name="connsiteY35" fmla="*/ 0 h 4605338"/>
              <a:gd name="connsiteX36" fmla="*/ 10556611 w 12192000"/>
              <a:gd name="connsiteY36" fmla="*/ 0 h 4605338"/>
              <a:gd name="connsiteX37" fmla="*/ 11084347 w 12192000"/>
              <a:gd name="connsiteY37" fmla="*/ 0 h 4605338"/>
              <a:gd name="connsiteX38" fmla="*/ 11629383 w 12192000"/>
              <a:gd name="connsiteY38" fmla="*/ 0 h 4605338"/>
              <a:gd name="connsiteX39" fmla="*/ 12192000 w 12192000"/>
              <a:gd name="connsiteY39" fmla="*/ 0 h 4605338"/>
              <a:gd name="connsiteX40" fmla="*/ 12192000 w 12192000"/>
              <a:gd name="connsiteY40" fmla="*/ 1124 h 4605338"/>
              <a:gd name="connsiteX41" fmla="*/ 12192000 w 12192000"/>
              <a:gd name="connsiteY41" fmla="*/ 8995 h 4605338"/>
              <a:gd name="connsiteX42" fmla="*/ 12192000 w 12192000"/>
              <a:gd name="connsiteY42" fmla="*/ 30358 h 4605338"/>
              <a:gd name="connsiteX43" fmla="*/ 12192000 w 12192000"/>
              <a:gd name="connsiteY43" fmla="*/ 71959 h 4605338"/>
              <a:gd name="connsiteX44" fmla="*/ 12192000 w 12192000"/>
              <a:gd name="connsiteY44" fmla="*/ 102457 h 4605338"/>
              <a:gd name="connsiteX45" fmla="*/ 12192000 w 12192000"/>
              <a:gd name="connsiteY45" fmla="*/ 140544 h 4605338"/>
              <a:gd name="connsiteX46" fmla="*/ 12192000 w 12192000"/>
              <a:gd name="connsiteY46" fmla="*/ 187064 h 4605338"/>
              <a:gd name="connsiteX47" fmla="*/ 12192000 w 12192000"/>
              <a:gd name="connsiteY47" fmla="*/ 242860 h 4605338"/>
              <a:gd name="connsiteX48" fmla="*/ 12192000 w 12192000"/>
              <a:gd name="connsiteY48" fmla="*/ 308775 h 4605338"/>
              <a:gd name="connsiteX49" fmla="*/ 12192000 w 12192000"/>
              <a:gd name="connsiteY49" fmla="*/ 385652 h 4605338"/>
              <a:gd name="connsiteX50" fmla="*/ 12192000 w 12192000"/>
              <a:gd name="connsiteY50" fmla="*/ 474335 h 4605338"/>
              <a:gd name="connsiteX51" fmla="*/ 12192000 w 12192000"/>
              <a:gd name="connsiteY51" fmla="*/ 575667 h 4605338"/>
              <a:gd name="connsiteX52" fmla="*/ 12192000 w 12192000"/>
              <a:gd name="connsiteY52" fmla="*/ 690492 h 4605338"/>
              <a:gd name="connsiteX53" fmla="*/ 12192000 w 12192000"/>
              <a:gd name="connsiteY53" fmla="*/ 819651 h 4605338"/>
              <a:gd name="connsiteX54" fmla="*/ 12192000 w 12192000"/>
              <a:gd name="connsiteY54" fmla="*/ 963990 h 4605338"/>
              <a:gd name="connsiteX55" fmla="*/ 12192000 w 12192000"/>
              <a:gd name="connsiteY55" fmla="*/ 1124350 h 4605338"/>
              <a:gd name="connsiteX56" fmla="*/ 12192000 w 12192000"/>
              <a:gd name="connsiteY56" fmla="*/ 1301576 h 4605338"/>
              <a:gd name="connsiteX57" fmla="*/ 12192000 w 12192000"/>
              <a:gd name="connsiteY57" fmla="*/ 1496510 h 4605338"/>
              <a:gd name="connsiteX58" fmla="*/ 12192000 w 12192000"/>
              <a:gd name="connsiteY58" fmla="*/ 1709996 h 4605338"/>
              <a:gd name="connsiteX59" fmla="*/ 12192000 w 12192000"/>
              <a:gd name="connsiteY59" fmla="*/ 1942877 h 4605338"/>
              <a:gd name="connsiteX60" fmla="*/ 12192000 w 12192000"/>
              <a:gd name="connsiteY60" fmla="*/ 2195996 h 4605338"/>
              <a:gd name="connsiteX61" fmla="*/ 12192000 w 12192000"/>
              <a:gd name="connsiteY61" fmla="*/ 2470197 h 4605338"/>
              <a:gd name="connsiteX62" fmla="*/ 12192000 w 12192000"/>
              <a:gd name="connsiteY62" fmla="*/ 2766323 h 4605338"/>
              <a:gd name="connsiteX63" fmla="*/ 12192000 w 12192000"/>
              <a:gd name="connsiteY63" fmla="*/ 3085217 h 4605338"/>
              <a:gd name="connsiteX64" fmla="*/ 12192000 w 12192000"/>
              <a:gd name="connsiteY64" fmla="*/ 3427722 h 4605338"/>
              <a:gd name="connsiteX65" fmla="*/ 12192000 w 12192000"/>
              <a:gd name="connsiteY65" fmla="*/ 3794682 h 4605338"/>
              <a:gd name="connsiteX66" fmla="*/ 12192000 w 12192000"/>
              <a:gd name="connsiteY66" fmla="*/ 4186939 h 4605338"/>
              <a:gd name="connsiteX67" fmla="*/ 12192000 w 12192000"/>
              <a:gd name="connsiteY67" fmla="*/ 4605338 h 4605338"/>
              <a:gd name="connsiteX68" fmla="*/ 2857947 w 12192000"/>
              <a:gd name="connsiteY68" fmla="*/ 4605338 h 4605338"/>
              <a:gd name="connsiteX69" fmla="*/ 0 w 12192000"/>
              <a:gd name="connsiteY69" fmla="*/ 2083916 h 4605338"/>
              <a:gd name="connsiteX70" fmla="*/ 0 w 12192000"/>
              <a:gd name="connsiteY70" fmla="*/ 2079846 h 4605338"/>
              <a:gd name="connsiteX71" fmla="*/ 0 w 12192000"/>
              <a:gd name="connsiteY71" fmla="*/ 2070179 h 4605338"/>
              <a:gd name="connsiteX72" fmla="*/ 0 w 12192000"/>
              <a:gd name="connsiteY72" fmla="*/ 2051355 h 4605338"/>
              <a:gd name="connsiteX73" fmla="*/ 0 w 12192000"/>
              <a:gd name="connsiteY73" fmla="*/ 2020320 h 4605338"/>
              <a:gd name="connsiteX74" fmla="*/ 0 w 12192000"/>
              <a:gd name="connsiteY74" fmla="*/ 1974022 h 4605338"/>
              <a:gd name="connsiteX75" fmla="*/ 0 w 12192000"/>
              <a:gd name="connsiteY75" fmla="*/ 1909408 h 4605338"/>
              <a:gd name="connsiteX76" fmla="*/ 0 w 12192000"/>
              <a:gd name="connsiteY76" fmla="*/ 1823426 h 4605338"/>
              <a:gd name="connsiteX77" fmla="*/ 0 w 12192000"/>
              <a:gd name="connsiteY77" fmla="*/ 1713023 h 4605338"/>
              <a:gd name="connsiteX78" fmla="*/ 0 w 12192000"/>
              <a:gd name="connsiteY78" fmla="*/ 1647710 h 4605338"/>
              <a:gd name="connsiteX79" fmla="*/ 0 w 12192000"/>
              <a:gd name="connsiteY79" fmla="*/ 1575147 h 4605338"/>
              <a:gd name="connsiteX80" fmla="*/ 0 w 12192000"/>
              <a:gd name="connsiteY80" fmla="*/ 1494953 h 4605338"/>
              <a:gd name="connsiteX81" fmla="*/ 0 w 12192000"/>
              <a:gd name="connsiteY81" fmla="*/ 1406745 h 4605338"/>
              <a:gd name="connsiteX82" fmla="*/ 0 w 12192000"/>
              <a:gd name="connsiteY82" fmla="*/ 1310142 h 4605338"/>
              <a:gd name="connsiteX83" fmla="*/ 0 w 12192000"/>
              <a:gd name="connsiteY83" fmla="*/ 1204764 h 4605338"/>
              <a:gd name="connsiteX84" fmla="*/ 0 w 12192000"/>
              <a:gd name="connsiteY84" fmla="*/ 1090227 h 4605338"/>
              <a:gd name="connsiteX85" fmla="*/ 0 w 12192000"/>
              <a:gd name="connsiteY85" fmla="*/ 966151 h 4605338"/>
              <a:gd name="connsiteX86" fmla="*/ 0 w 12192000"/>
              <a:gd name="connsiteY86" fmla="*/ 832155 h 4605338"/>
              <a:gd name="connsiteX87" fmla="*/ 0 w 12192000"/>
              <a:gd name="connsiteY87" fmla="*/ 687855 h 4605338"/>
              <a:gd name="connsiteX88" fmla="*/ 0 w 12192000"/>
              <a:gd name="connsiteY88" fmla="*/ 532872 h 4605338"/>
              <a:gd name="connsiteX89" fmla="*/ 0 w 12192000"/>
              <a:gd name="connsiteY89" fmla="*/ 366822 h 4605338"/>
              <a:gd name="connsiteX90" fmla="*/ 0 w 12192000"/>
              <a:gd name="connsiteY90" fmla="*/ 189326 h 46053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2192000" h="4605338">
                <a:moveTo>
                  <a:pt x="0" y="0"/>
                </a:moveTo>
                <a:lnTo>
                  <a:pt x="2977" y="0"/>
                </a:lnTo>
                <a:lnTo>
                  <a:pt x="23813" y="0"/>
                </a:lnTo>
                <a:lnTo>
                  <a:pt x="46509" y="0"/>
                </a:lnTo>
                <a:lnTo>
                  <a:pt x="80368" y="0"/>
                </a:lnTo>
                <a:lnTo>
                  <a:pt x="127620" y="0"/>
                </a:lnTo>
                <a:lnTo>
                  <a:pt x="190500" y="0"/>
                </a:lnTo>
                <a:lnTo>
                  <a:pt x="271240" y="0"/>
                </a:lnTo>
                <a:lnTo>
                  <a:pt x="372071" y="0"/>
                </a:lnTo>
                <a:lnTo>
                  <a:pt x="495226" y="0"/>
                </a:lnTo>
                <a:lnTo>
                  <a:pt x="642938" y="0"/>
                </a:lnTo>
                <a:lnTo>
                  <a:pt x="817439" y="0"/>
                </a:lnTo>
                <a:lnTo>
                  <a:pt x="1020961" y="0"/>
                </a:lnTo>
                <a:lnTo>
                  <a:pt x="1255738" y="0"/>
                </a:lnTo>
                <a:lnTo>
                  <a:pt x="1524000" y="0"/>
                </a:lnTo>
                <a:lnTo>
                  <a:pt x="1827982" y="0"/>
                </a:lnTo>
                <a:lnTo>
                  <a:pt x="2169915" y="0"/>
                </a:lnTo>
                <a:lnTo>
                  <a:pt x="2552031" y="0"/>
                </a:lnTo>
                <a:lnTo>
                  <a:pt x="2976563" y="0"/>
                </a:lnTo>
                <a:lnTo>
                  <a:pt x="3445743" y="0"/>
                </a:lnTo>
                <a:lnTo>
                  <a:pt x="3961805" y="0"/>
                </a:lnTo>
                <a:lnTo>
                  <a:pt x="4526980" y="0"/>
                </a:lnTo>
                <a:lnTo>
                  <a:pt x="4828682" y="0"/>
                </a:lnTo>
                <a:lnTo>
                  <a:pt x="5143500" y="0"/>
                </a:lnTo>
                <a:lnTo>
                  <a:pt x="5471713" y="0"/>
                </a:lnTo>
                <a:lnTo>
                  <a:pt x="5813599" y="0"/>
                </a:lnTo>
                <a:lnTo>
                  <a:pt x="6169438" y="0"/>
                </a:lnTo>
                <a:lnTo>
                  <a:pt x="6539508" y="0"/>
                </a:lnTo>
                <a:lnTo>
                  <a:pt x="6924089" y="0"/>
                </a:lnTo>
                <a:lnTo>
                  <a:pt x="7323460" y="0"/>
                </a:lnTo>
                <a:lnTo>
                  <a:pt x="7737900" y="0"/>
                </a:lnTo>
                <a:lnTo>
                  <a:pt x="8167688" y="0"/>
                </a:lnTo>
                <a:lnTo>
                  <a:pt x="8613102" y="0"/>
                </a:lnTo>
                <a:lnTo>
                  <a:pt x="9074423" y="0"/>
                </a:lnTo>
                <a:lnTo>
                  <a:pt x="9551929" y="0"/>
                </a:lnTo>
                <a:lnTo>
                  <a:pt x="10045898" y="0"/>
                </a:lnTo>
                <a:lnTo>
                  <a:pt x="10556611" y="0"/>
                </a:lnTo>
                <a:lnTo>
                  <a:pt x="11084347" y="0"/>
                </a:lnTo>
                <a:lnTo>
                  <a:pt x="11629383" y="0"/>
                </a:lnTo>
                <a:lnTo>
                  <a:pt x="12192000" y="0"/>
                </a:lnTo>
                <a:lnTo>
                  <a:pt x="12192000" y="1124"/>
                </a:lnTo>
                <a:lnTo>
                  <a:pt x="12192000" y="8995"/>
                </a:lnTo>
                <a:lnTo>
                  <a:pt x="12192000" y="30358"/>
                </a:lnTo>
                <a:lnTo>
                  <a:pt x="12192000" y="71959"/>
                </a:lnTo>
                <a:lnTo>
                  <a:pt x="12192000" y="102457"/>
                </a:lnTo>
                <a:lnTo>
                  <a:pt x="12192000" y="140544"/>
                </a:lnTo>
                <a:lnTo>
                  <a:pt x="12192000" y="187064"/>
                </a:lnTo>
                <a:lnTo>
                  <a:pt x="12192000" y="242860"/>
                </a:lnTo>
                <a:lnTo>
                  <a:pt x="12192000" y="308775"/>
                </a:lnTo>
                <a:lnTo>
                  <a:pt x="12192000" y="385652"/>
                </a:lnTo>
                <a:lnTo>
                  <a:pt x="12192000" y="474335"/>
                </a:lnTo>
                <a:lnTo>
                  <a:pt x="12192000" y="575667"/>
                </a:lnTo>
                <a:lnTo>
                  <a:pt x="12192000" y="690492"/>
                </a:lnTo>
                <a:lnTo>
                  <a:pt x="12192000" y="819651"/>
                </a:lnTo>
                <a:lnTo>
                  <a:pt x="12192000" y="963990"/>
                </a:lnTo>
                <a:lnTo>
                  <a:pt x="12192000" y="1124350"/>
                </a:lnTo>
                <a:lnTo>
                  <a:pt x="12192000" y="1301576"/>
                </a:lnTo>
                <a:lnTo>
                  <a:pt x="12192000" y="1496510"/>
                </a:lnTo>
                <a:lnTo>
                  <a:pt x="12192000" y="1709996"/>
                </a:lnTo>
                <a:lnTo>
                  <a:pt x="12192000" y="1942877"/>
                </a:lnTo>
                <a:lnTo>
                  <a:pt x="12192000" y="2195996"/>
                </a:lnTo>
                <a:lnTo>
                  <a:pt x="12192000" y="2470197"/>
                </a:lnTo>
                <a:lnTo>
                  <a:pt x="12192000" y="2766323"/>
                </a:lnTo>
                <a:lnTo>
                  <a:pt x="12192000" y="3085217"/>
                </a:lnTo>
                <a:lnTo>
                  <a:pt x="12192000" y="3427722"/>
                </a:lnTo>
                <a:lnTo>
                  <a:pt x="12192000" y="3794682"/>
                </a:lnTo>
                <a:lnTo>
                  <a:pt x="12192000" y="4186939"/>
                </a:lnTo>
                <a:lnTo>
                  <a:pt x="12192000" y="4605338"/>
                </a:lnTo>
                <a:cubicBezTo>
                  <a:pt x="12192000" y="4605338"/>
                  <a:pt x="12192000" y="4605338"/>
                  <a:pt x="2857947" y="4605338"/>
                </a:cubicBezTo>
                <a:cubicBezTo>
                  <a:pt x="1388962" y="4605338"/>
                  <a:pt x="188625" y="3454004"/>
                  <a:pt x="0" y="2083916"/>
                </a:cubicBezTo>
                <a:lnTo>
                  <a:pt x="0" y="2079846"/>
                </a:lnTo>
                <a:lnTo>
                  <a:pt x="0" y="2070179"/>
                </a:lnTo>
                <a:lnTo>
                  <a:pt x="0" y="2051355"/>
                </a:lnTo>
                <a:lnTo>
                  <a:pt x="0" y="2020320"/>
                </a:lnTo>
                <a:lnTo>
                  <a:pt x="0" y="1974022"/>
                </a:lnTo>
                <a:lnTo>
                  <a:pt x="0" y="1909408"/>
                </a:lnTo>
                <a:lnTo>
                  <a:pt x="0" y="1823426"/>
                </a:lnTo>
                <a:lnTo>
                  <a:pt x="0" y="1713023"/>
                </a:lnTo>
                <a:lnTo>
                  <a:pt x="0" y="1647710"/>
                </a:lnTo>
                <a:lnTo>
                  <a:pt x="0" y="1575147"/>
                </a:lnTo>
                <a:lnTo>
                  <a:pt x="0" y="1494953"/>
                </a:lnTo>
                <a:lnTo>
                  <a:pt x="0" y="1406745"/>
                </a:lnTo>
                <a:lnTo>
                  <a:pt x="0" y="1310142"/>
                </a:lnTo>
                <a:lnTo>
                  <a:pt x="0" y="1204764"/>
                </a:lnTo>
                <a:lnTo>
                  <a:pt x="0" y="1090227"/>
                </a:lnTo>
                <a:lnTo>
                  <a:pt x="0" y="966151"/>
                </a:lnTo>
                <a:lnTo>
                  <a:pt x="0" y="832155"/>
                </a:lnTo>
                <a:lnTo>
                  <a:pt x="0" y="687855"/>
                </a:lnTo>
                <a:lnTo>
                  <a:pt x="0" y="532872"/>
                </a:lnTo>
                <a:lnTo>
                  <a:pt x="0" y="366822"/>
                </a:lnTo>
                <a:lnTo>
                  <a:pt x="0" y="18932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 lIns="72000" tIns="36000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Click icon to add picture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34502D1-DCE2-334F-B563-CC11D774C0E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395492" y="6216617"/>
            <a:ext cx="1446306" cy="2810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499898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081686-9B4E-2F4F-8D10-69023E75F9D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EEC9C8-2C7B-47BD-ACB8-951879E2F52C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47700" y="1903412"/>
            <a:ext cx="1548000" cy="154800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200"/>
            </a:lvl5pPr>
          </a:lstStyle>
          <a:p>
            <a:pPr lvl="0"/>
            <a:r>
              <a:rPr lang="en-US" dirty="0"/>
              <a:t>Click to add char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FDC5D1D-5701-4657-AD8E-314848BF662D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2446337" y="1903412"/>
            <a:ext cx="3600000" cy="154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17DEE5A-A221-4237-8663-C50FF6B7607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47700" y="3922713"/>
            <a:ext cx="1548000" cy="154800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200"/>
            </a:lvl5pPr>
          </a:lstStyle>
          <a:p>
            <a:pPr lvl="0"/>
            <a:r>
              <a:rPr lang="en-US" dirty="0"/>
              <a:t>Click to add char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8DA8F237-57E0-4022-8F74-26DE134B6A75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2446337" y="3922713"/>
            <a:ext cx="3600000" cy="154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4F324C5C-051E-40EF-8D06-D4901D8CDB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6477000" y="1903412"/>
            <a:ext cx="1548000" cy="154800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200"/>
            </a:lvl5pPr>
          </a:lstStyle>
          <a:p>
            <a:pPr lvl="0"/>
            <a:r>
              <a:rPr lang="en-US" dirty="0"/>
              <a:t>Click to add char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AF3FED6-FA5C-4FF8-9F02-DA9FB104F07E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8239124" y="1903412"/>
            <a:ext cx="3600000" cy="154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D194CA65-85E9-4C7F-A4B5-29A2798E8105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6477000" y="3922713"/>
            <a:ext cx="1548000" cy="154800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200"/>
            </a:lvl5pPr>
          </a:lstStyle>
          <a:p>
            <a:pPr lvl="0"/>
            <a:r>
              <a:rPr lang="en-US" dirty="0"/>
              <a:t>Click to add char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B2047825-E459-43A8-9F0F-4F34673DFE3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8239124" y="3922713"/>
            <a:ext cx="3600000" cy="154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ABAEA5-84D2-3448-BDB9-DD6228892D25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A1CFC95-E24F-974F-BF57-DEBBD05168BE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438250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081686-9B4E-2F4F-8D10-69023E75F9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14" name="Content Placeholder 6">
            <a:extLst>
              <a:ext uri="{FF2B5EF4-FFF2-40B4-BE49-F238E27FC236}">
                <a16:creationId xmlns:a16="http://schemas.microsoft.com/office/drawing/2014/main" id="{974D7FB7-2F96-4061-A485-A23F35EA7BD9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647700" y="1603951"/>
            <a:ext cx="2628000" cy="241200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200"/>
            </a:lvl5pPr>
          </a:lstStyle>
          <a:p>
            <a:pPr lvl="0"/>
            <a:r>
              <a:rPr lang="en-US" dirty="0"/>
              <a:t>Click to add char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Text Placeholder 14">
            <a:extLst>
              <a:ext uri="{FF2B5EF4-FFF2-40B4-BE49-F238E27FC236}">
                <a16:creationId xmlns:a16="http://schemas.microsoft.com/office/drawing/2014/main" id="{10940312-7901-4F78-A66C-0AD307CC2E8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47700" y="4129629"/>
            <a:ext cx="2628000" cy="154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D5EE8F2-78E1-41A5-889A-5B35DE3AC13D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3500594" y="1603951"/>
            <a:ext cx="2628000" cy="241200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200"/>
            </a:lvl5pPr>
          </a:lstStyle>
          <a:p>
            <a:pPr lvl="0"/>
            <a:r>
              <a:rPr lang="en-US" dirty="0"/>
              <a:t>Click to add char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Text Placeholder 16">
            <a:extLst>
              <a:ext uri="{FF2B5EF4-FFF2-40B4-BE49-F238E27FC236}">
                <a16:creationId xmlns:a16="http://schemas.microsoft.com/office/drawing/2014/main" id="{F85C15C6-0CAA-49EA-8171-36E5C48C95C2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3500594" y="4129629"/>
            <a:ext cx="2628000" cy="154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10">
            <a:extLst>
              <a:ext uri="{FF2B5EF4-FFF2-40B4-BE49-F238E27FC236}">
                <a16:creationId xmlns:a16="http://schemas.microsoft.com/office/drawing/2014/main" id="{8A0059F7-634E-4EF4-B570-3B886E664549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6353488" y="1603951"/>
            <a:ext cx="2628000" cy="241200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200"/>
            </a:lvl5pPr>
          </a:lstStyle>
          <a:p>
            <a:pPr lvl="0"/>
            <a:r>
              <a:rPr lang="en-US" dirty="0"/>
              <a:t>Click to add char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8503806-4151-4401-BA5C-ADFE071B8D1F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353488" y="4129629"/>
            <a:ext cx="2628000" cy="154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Content Placeholder 12">
            <a:extLst>
              <a:ext uri="{FF2B5EF4-FFF2-40B4-BE49-F238E27FC236}">
                <a16:creationId xmlns:a16="http://schemas.microsoft.com/office/drawing/2014/main" id="{29F72B17-29E9-47D2-A56D-F142DACD3918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9206382" y="1603951"/>
            <a:ext cx="2628000" cy="241200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200"/>
            </a:lvl5pPr>
          </a:lstStyle>
          <a:p>
            <a:pPr lvl="0"/>
            <a:r>
              <a:rPr lang="en-US" dirty="0"/>
              <a:t>Click to add char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5882FF16-DBFD-45F5-AD8D-5661365CAB81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9206382" y="4129629"/>
            <a:ext cx="2625256" cy="154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928913D-505F-A143-B3D7-488C293423B3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615D6EA-5456-9F44-8B94-12C49A32C4DE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21178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ackgrou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2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</p:spPr>
        <p:txBody>
          <a:bodyPr lIns="72000" tIns="72000"/>
          <a:lstStyle>
            <a:lvl1pPr>
              <a:buNone/>
              <a:defRPr sz="1800"/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15025664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7"/>
          <p:cNvSpPr>
            <a:spLocks noGrp="1"/>
          </p:cNvSpPr>
          <p:nvPr>
            <p:ph type="title" hasCustomPrompt="1"/>
          </p:nvPr>
        </p:nvSpPr>
        <p:spPr>
          <a:xfrm>
            <a:off x="6650982" y="365760"/>
            <a:ext cx="5169162" cy="603504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>
            <a:lvl1pPr>
              <a:defRPr lang="uk-UA" sz="3000" b="0">
                <a:solidFill>
                  <a:schemeClr val="accent2"/>
                </a:solidFill>
                <a:latin typeface="+mj-lt"/>
                <a:ea typeface="Calibri Light" panose="020F0302020204030204" pitchFamily="34" charset="0"/>
                <a:cs typeface="+mn-cs"/>
              </a:defRPr>
            </a:lvl1pPr>
          </a:lstStyle>
          <a:p>
            <a:pPr marL="0" lvl="0"/>
            <a:r>
              <a:rPr lang="en-US" dirty="0"/>
              <a:t>Click to add title</a:t>
            </a:r>
            <a:endParaRPr lang="uk-UA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6FDE51-8233-488B-956B-B88815F5B0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51625" y="1334770"/>
            <a:ext cx="5180013" cy="470090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bg1"/>
          </a:solidFill>
        </p:spPr>
        <p:txBody>
          <a:bodyPr lIns="72000" tIns="72000"/>
          <a:lstStyle>
            <a:lvl1pPr>
              <a:buNone/>
              <a:defRPr sz="1800"/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dirty="0"/>
              <a:t>Click icon to add picture</a:t>
            </a:r>
          </a:p>
          <a:p>
            <a:endParaRPr lang="uk-UA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C11C535-B313-4A58-93E0-223617F5BDA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6650982" y="6293485"/>
            <a:ext cx="3953010" cy="304800"/>
          </a:xfrm>
        </p:spPr>
        <p:txBody>
          <a:bodyPr/>
          <a:lstStyle/>
          <a:p>
            <a:r>
              <a:rPr lang="en-US" dirty="0"/>
              <a:t>Footer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968E026-BA01-4DCE-B448-4DF6549F5693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3086434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7">
            <a:extLst>
              <a:ext uri="{FF2B5EF4-FFF2-40B4-BE49-F238E27FC236}">
                <a16:creationId xmlns:a16="http://schemas.microsoft.com/office/drawing/2014/main" id="{2AC8BC53-D372-9340-AD3B-26E013270D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85800" y="365760"/>
            <a:ext cx="4867656" cy="603504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>
            <a:lvl1pPr>
              <a:defRPr lang="uk-UA" sz="3000" b="0">
                <a:solidFill>
                  <a:schemeClr val="accent2"/>
                </a:solidFill>
                <a:latin typeface="+mj-lt"/>
                <a:ea typeface="Calibri Light" panose="020F0302020204030204" pitchFamily="34" charset="0"/>
                <a:cs typeface="+mn-cs"/>
              </a:defRPr>
            </a:lvl1pPr>
          </a:lstStyle>
          <a:p>
            <a:pPr marL="0" lvl="0"/>
            <a:r>
              <a:rPr lang="en-US" dirty="0"/>
              <a:t>Click to edit Master title style</a:t>
            </a:r>
            <a:endParaRPr lang="uk-UA" dirty="0"/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752615-1C68-4E76-B7AA-137DC42562D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4652" y="1334770"/>
            <a:ext cx="5180013" cy="470090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2"/>
          </p:nvPr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bg1"/>
          </a:solidFill>
        </p:spPr>
        <p:txBody>
          <a:bodyPr lIns="72000" tIns="72000"/>
          <a:lstStyle>
            <a:lvl1pPr>
              <a:defRPr sz="1800"/>
            </a:lvl1pPr>
          </a:lstStyle>
          <a:p>
            <a:r>
              <a:rPr lang="en-GB" dirty="0"/>
              <a:t>Click icon to add picture</a:t>
            </a:r>
            <a:endParaRPr lang="uk-UA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1593C8E-5727-443F-AB9B-9359DB9BE4D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3089BF7-65B9-4778-BBB8-1CC37FDAE343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99051596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ex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FC499347-2961-B042-8DFB-9FBFDED1DA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3327C001-60FB-46B3-8B4D-D2523CA1AE0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45823" y="1334770"/>
            <a:ext cx="5385816" cy="470090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1"/>
          </p:nvPr>
        </p:nvSpPr>
        <p:spPr>
          <a:xfrm>
            <a:off x="647700" y="1334135"/>
            <a:ext cx="5423916" cy="4700905"/>
          </a:xfrm>
          <a:prstGeom prst="rect">
            <a:avLst/>
          </a:prstGeom>
          <a:solidFill>
            <a:schemeClr val="bg1"/>
          </a:solidFill>
        </p:spPr>
        <p:txBody>
          <a:bodyPr lIns="72000" tIns="72000"/>
          <a:lstStyle>
            <a:lvl1pPr>
              <a:defRPr sz="1800"/>
            </a:lvl1pPr>
          </a:lstStyle>
          <a:p>
            <a:r>
              <a:rPr lang="en-GB" dirty="0"/>
              <a:t>Click icon to add picture</a:t>
            </a:r>
            <a:endParaRPr lang="uk-UA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E2D4EB-10DF-CC4E-8A61-AE5076FC11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C977738-D3E9-0E41-A51A-FBDB81C20B0A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5623979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ex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FC499347-2961-B042-8DFB-9FBFDED1DA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E95A547E-D6E4-40A2-B041-A707E1A4198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7700" y="1334770"/>
            <a:ext cx="5423914" cy="470090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6FE2167D-CF80-2046-88F0-219004E18291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6437376" y="1334135"/>
            <a:ext cx="5394262" cy="4700905"/>
          </a:xfrm>
          <a:prstGeom prst="rect">
            <a:avLst/>
          </a:prstGeom>
          <a:solidFill>
            <a:schemeClr val="bg1"/>
          </a:solidFill>
        </p:spPr>
        <p:txBody>
          <a:bodyPr lIns="72000" tIns="72000"/>
          <a:lstStyle>
            <a:lvl1pPr>
              <a:defRPr sz="1800"/>
            </a:lvl1pPr>
          </a:lstStyle>
          <a:p>
            <a:r>
              <a:rPr lang="en-GB" dirty="0"/>
              <a:t>Click icon to add picture</a:t>
            </a:r>
            <a:endParaRPr lang="uk-UA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E2D4EB-10DF-CC4E-8A61-AE5076FC11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25B0DE0-530E-7046-A06F-F54E1163CD5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86829923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530C92-F786-7740-8D4F-856680EDC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2"/>
          </p:nvPr>
        </p:nvSpPr>
        <p:spPr>
          <a:xfrm>
            <a:off x="647700" y="1334135"/>
            <a:ext cx="5423915" cy="4700905"/>
          </a:xfrm>
          <a:prstGeom prst="rect">
            <a:avLst/>
          </a:prstGeom>
          <a:solidFill>
            <a:schemeClr val="bg1"/>
          </a:solidFill>
          <a:effectLst/>
        </p:spPr>
        <p:txBody>
          <a:bodyPr lIns="72000" tIns="72000"/>
          <a:lstStyle>
            <a:lvl1pPr>
              <a:defRPr sz="1800"/>
            </a:lvl1pPr>
          </a:lstStyle>
          <a:p>
            <a:r>
              <a:rPr lang="en-GB" dirty="0"/>
              <a:t>Click icon to add picture</a:t>
            </a:r>
            <a:endParaRPr lang="uk-UA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C12A3D21-3D55-3943-87CD-C5F4444ECAF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6437376" y="1334135"/>
            <a:ext cx="5394262" cy="4700905"/>
          </a:xfrm>
          <a:prstGeom prst="rect">
            <a:avLst/>
          </a:prstGeom>
          <a:solidFill>
            <a:schemeClr val="bg1"/>
          </a:solidFill>
          <a:effectLst/>
        </p:spPr>
        <p:txBody>
          <a:bodyPr lIns="72000" tIns="72000"/>
          <a:lstStyle>
            <a:lvl1pPr>
              <a:buNone/>
              <a:defRPr sz="1800"/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GB" dirty="0"/>
              <a:t>Click icon to add picture</a:t>
            </a:r>
            <a:endParaRPr lang="uk-UA" dirty="0"/>
          </a:p>
          <a:p>
            <a:endParaRPr lang="uk-UA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0EA65EE-8CDD-0246-8073-746AD778960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4B4F8AC-E355-3D43-B7E8-4007873DE79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73543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imag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0C8558-0CAA-C941-8090-7BCA56E6B53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2"/>
          </p:nvPr>
        </p:nvSpPr>
        <p:spPr>
          <a:xfrm>
            <a:off x="647700" y="1463040"/>
            <a:ext cx="3502758" cy="1828800"/>
          </a:xfrm>
          <a:prstGeom prst="rect">
            <a:avLst/>
          </a:prstGeom>
          <a:solidFill>
            <a:schemeClr val="bg1"/>
          </a:solidFill>
          <a:effectLst/>
        </p:spPr>
        <p:txBody>
          <a:bodyPr lIns="72000" tIns="72000"/>
          <a:lstStyle>
            <a:lvl1pPr>
              <a:defRPr sz="1800"/>
            </a:lvl1pPr>
          </a:lstStyle>
          <a:p>
            <a:r>
              <a:rPr lang="en-GB" dirty="0"/>
              <a:t>Click icon to add picture</a:t>
            </a:r>
            <a:endParaRPr lang="uk-UA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15310D3C-3325-4DE7-9A23-0C144E94070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47700" y="3632200"/>
            <a:ext cx="3502025" cy="2366963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C8BDBE08-B2D8-A149-AB49-A36081BB1FE6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8358534" y="1463040"/>
            <a:ext cx="3464658" cy="1828800"/>
          </a:xfrm>
          <a:prstGeom prst="rect">
            <a:avLst/>
          </a:prstGeom>
          <a:solidFill>
            <a:schemeClr val="bg1"/>
          </a:solidFill>
          <a:effectLst/>
        </p:spPr>
        <p:txBody>
          <a:bodyPr lIns="72000" tIns="72000"/>
          <a:lstStyle>
            <a:lvl1pPr>
              <a:defRPr sz="1800"/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GB" dirty="0"/>
              <a:t>Click icon to add picture</a:t>
            </a:r>
            <a:endParaRPr lang="uk-UA" dirty="0"/>
          </a:p>
          <a:p>
            <a:endParaRPr lang="uk-UA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011A008-1F91-41D4-BD0E-8CB8C20124B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514850" y="3632200"/>
            <a:ext cx="3502025" cy="2365375"/>
          </a:xfrm>
        </p:spPr>
        <p:txBody>
          <a:bodyPr/>
          <a:lstStyle/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FFFD6FB1-7302-6040-BD88-BA00C9A9F537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529193" y="1463040"/>
            <a:ext cx="3464658" cy="1828800"/>
          </a:xfrm>
          <a:prstGeom prst="rect">
            <a:avLst/>
          </a:prstGeom>
          <a:solidFill>
            <a:schemeClr val="bg1"/>
          </a:solidFill>
          <a:effectLst/>
        </p:spPr>
        <p:txBody>
          <a:bodyPr lIns="72000" tIns="72000"/>
          <a:lstStyle>
            <a:lvl1pPr>
              <a:defRPr sz="1800"/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GB" dirty="0"/>
              <a:t>Click icon to add picture</a:t>
            </a:r>
            <a:endParaRPr lang="uk-UA" dirty="0"/>
          </a:p>
          <a:p>
            <a:endParaRPr lang="uk-UA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E3D77F06-6BCD-4E18-9FFF-B8873045773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358188" y="3630613"/>
            <a:ext cx="3463925" cy="236537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B2D857A-15AC-8545-AC96-054E51B83F70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F99B54-C99E-FF43-ACA5-AED32EF9EE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6030267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A579123-28D6-CB4C-865C-7288C3612AE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62E3DB4-BF72-844C-A069-3654624CEA5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82DD59E-87BB-E14E-B299-94A679CFEAB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2680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2A100865-EB6F-41CA-8704-E0E1B427106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69864" y="914400"/>
            <a:ext cx="6067044" cy="5029200"/>
          </a:xfrm>
        </p:spPr>
        <p:txBody>
          <a:bodyPr anchor="ctr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C239BFA4-D7B6-9B4A-93F6-99304EE34FFD}"/>
              </a:ext>
            </a:extLst>
          </p:cNvPr>
          <p:cNvSpPr/>
          <p:nvPr userDrawn="1"/>
        </p:nvSpPr>
        <p:spPr>
          <a:xfrm>
            <a:off x="0" y="0"/>
            <a:ext cx="4855464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E75E97C-B052-384C-A733-4ABC985B7FA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45276" y="1449324"/>
            <a:ext cx="2764911" cy="39593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42320241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62E3DB4-BF72-844C-A069-3654624CEA5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82DD59E-87BB-E14E-B299-94A679CFEAB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1595156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62F5AF42-7F59-4F6E-A755-E75E86DC1CC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69864" y="914400"/>
            <a:ext cx="6051614" cy="5029200"/>
          </a:xfrm>
        </p:spPr>
        <p:txBody>
          <a:bodyPr anchor="ctr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807C682-5F89-9B41-8530-2AFD8E6EC58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55320" y="914400"/>
            <a:ext cx="4165600" cy="52197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152788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8A4780E5-46C8-4909-AD0D-A849F83143A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50" y="0"/>
            <a:ext cx="121793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FC34B382-E267-5E42-A102-AA4C01C925C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916958" y="365760"/>
            <a:ext cx="8909282" cy="603504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agenda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3EC5CE7-5CC2-8641-95FC-A8C1863D99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916958" y="1463040"/>
            <a:ext cx="8906233" cy="4572000"/>
          </a:xfrm>
        </p:spPr>
        <p:txBody>
          <a:bodyPr/>
          <a:lstStyle>
            <a:lvl1pPr marL="304815" indent="-304815">
              <a:lnSpc>
                <a:spcPct val="150000"/>
              </a:lnSpc>
              <a:buClr>
                <a:schemeClr val="tx1"/>
              </a:buClr>
              <a:buFont typeface="+mj-lt"/>
              <a:buAutoNum type="arabicPeriod"/>
              <a:defRPr>
                <a:latin typeface="+mj-lt"/>
              </a:defRPr>
            </a:lvl1pPr>
            <a:lvl2pPr marL="487704" indent="-182889">
              <a:defRPr sz="1900"/>
            </a:lvl2pPr>
            <a:lvl3pPr marL="670594">
              <a:defRPr/>
            </a:lvl3pPr>
            <a:lvl4pPr marL="853483">
              <a:defRPr/>
            </a:lvl4pPr>
            <a:lvl5pPr marL="1036372">
              <a:defRPr/>
            </a:lvl5pPr>
            <a:lvl6pPr marL="1219261">
              <a:defRPr/>
            </a:lvl6pPr>
            <a:lvl7pPr marL="1402150">
              <a:defRPr/>
            </a:lvl7pPr>
            <a:lvl8pPr marL="1585039">
              <a:defRPr/>
            </a:lvl8pPr>
          </a:lstStyle>
          <a:p>
            <a:pPr lvl="0"/>
            <a:r>
              <a:rPr lang="en-US" dirty="0"/>
              <a:t>Click to add agenda poin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 </a:t>
            </a:r>
          </a:p>
          <a:p>
            <a:pPr lvl="5"/>
            <a:r>
              <a:rPr lang="en-US" dirty="0"/>
              <a:t>Sixth level </a:t>
            </a:r>
          </a:p>
          <a:p>
            <a:pPr lvl="6"/>
            <a:r>
              <a:rPr lang="en-US" dirty="0"/>
              <a:t>Seventh level </a:t>
            </a:r>
          </a:p>
          <a:p>
            <a:pPr lvl="7"/>
            <a:r>
              <a:rPr lang="en-US" dirty="0"/>
              <a:t>Eighth level </a:t>
            </a:r>
          </a:p>
          <a:p>
            <a:pPr lvl="1"/>
            <a:endParaRPr lang="en-US" dirty="0"/>
          </a:p>
          <a:p>
            <a:pPr lvl="0"/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21BF7590-CEA5-424C-B50D-F5DAF189D77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2916958" y="6293485"/>
            <a:ext cx="7687034" cy="304800"/>
          </a:xfrm>
        </p:spPr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E6D1DB1-C1CC-BD45-B461-0B638A0285F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0603992" y="6293485"/>
            <a:ext cx="1227646" cy="304800"/>
          </a:xfrm>
        </p:spPr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3B690B0-2F29-F64C-A0CB-7E231F32B20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15894" y="6019800"/>
            <a:ext cx="1446306" cy="2810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880722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C34B382-E267-5E42-A102-AA4C01C925C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358775"/>
            <a:ext cx="11183938" cy="610489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6F09EBE-6B00-4DE2-8FE2-664023F11258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47700" y="1329264"/>
            <a:ext cx="11183938" cy="469053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, graph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14CAEA5-C3E1-4D4E-A4F1-C597FD6EE3B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E6D1DB1-C1CC-BD45-B461-0B638A0285F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E11733B-2EC1-1747-84C3-57ABB720A27B}"/>
              </a:ext>
            </a:extLst>
          </p:cNvPr>
          <p:cNvSpPr/>
          <p:nvPr userDrawn="1"/>
        </p:nvSpPr>
        <p:spPr>
          <a:xfrm>
            <a:off x="0" y="0"/>
            <a:ext cx="320040" cy="6172200"/>
          </a:xfrm>
          <a:prstGeom prst="rect">
            <a:avLst/>
          </a:prstGeom>
          <a:solidFill>
            <a:schemeClr val="accent1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548CD909-C892-9345-A1F2-75CFFB8CDB1A}"/>
              </a:ext>
            </a:extLst>
          </p:cNvPr>
          <p:cNvSpPr/>
          <p:nvPr userDrawn="1"/>
        </p:nvSpPr>
        <p:spPr>
          <a:xfrm>
            <a:off x="-1" y="6248400"/>
            <a:ext cx="320041" cy="609600"/>
          </a:xfrm>
          <a:prstGeom prst="rect">
            <a:avLst/>
          </a:prstGeom>
          <a:solidFill>
            <a:schemeClr val="accent2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28569292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202D9A-4AE7-D24A-B935-D891CC9DAAD3}"/>
              </a:ext>
            </a:extLst>
          </p:cNvPr>
          <p:cNvSpPr>
            <a:spLocks noGrp="1"/>
          </p:cNvSpPr>
          <p:nvPr userDrawn="1">
            <p:ph type="title" hasCustomPrompt="1"/>
          </p:nvPr>
        </p:nvSpPr>
        <p:spPr>
          <a:xfrm>
            <a:off x="647700" y="358775"/>
            <a:ext cx="11183938" cy="610489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5735629-27B7-4A65-BA65-ABDA39C8B8BF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47700" y="1327677"/>
            <a:ext cx="5421600" cy="470641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, graph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DD6339C3-4DA1-4C80-A6B3-4DD69BED0B2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410038" y="1327677"/>
            <a:ext cx="5421600" cy="470641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text, graph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09E3132-41DD-5640-81C9-CA94A8DA1D0F}"/>
              </a:ext>
            </a:extLst>
          </p:cNvPr>
          <p:cNvSpPr>
            <a:spLocks noGrp="1"/>
          </p:cNvSpPr>
          <p:nvPr userDrawn="1">
            <p:ph type="ftr" sz="quarter" idx="18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64540F1-D8A0-FF46-B1EA-4E900B8607C0}"/>
              </a:ext>
            </a:extLst>
          </p:cNvPr>
          <p:cNvSpPr>
            <a:spLocks noGrp="1"/>
          </p:cNvSpPr>
          <p:nvPr userDrawn="1">
            <p:ph type="sldNum" sz="quarter" idx="14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3C1FAF78-10EF-9245-B0F0-C5520AFFAF52}"/>
              </a:ext>
            </a:extLst>
          </p:cNvPr>
          <p:cNvGrpSpPr/>
          <p:nvPr userDrawn="1"/>
        </p:nvGrpSpPr>
        <p:grpSpPr>
          <a:xfrm>
            <a:off x="-1" y="0"/>
            <a:ext cx="320041" cy="6858000"/>
            <a:chOff x="-1" y="0"/>
            <a:chExt cx="320041" cy="6858000"/>
          </a:xfrm>
        </p:grpSpPr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35885738-3B2A-BF4F-932E-64383B048B20}"/>
                </a:ext>
              </a:extLst>
            </p:cNvPr>
            <p:cNvSpPr/>
            <p:nvPr userDrawn="1"/>
          </p:nvSpPr>
          <p:spPr>
            <a:xfrm>
              <a:off x="-1" y="0"/>
              <a:ext cx="320041" cy="969264"/>
            </a:xfrm>
            <a:prstGeom prst="rect">
              <a:avLst/>
            </a:prstGeom>
            <a:solidFill>
              <a:schemeClr val="accent2"/>
            </a:solidFill>
            <a:ln w="635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2800" dirty="0">
                <a:solidFill>
                  <a:schemeClr val="tx1"/>
                </a:solidFill>
              </a:endParaRPr>
            </a:p>
          </p:txBody>
        </p:sp>
        <p:pic>
          <p:nvPicPr>
            <p:cNvPr id="18" name="Picture 17">
              <a:extLst>
                <a:ext uri="{FF2B5EF4-FFF2-40B4-BE49-F238E27FC236}">
                  <a16:creationId xmlns:a16="http://schemas.microsoft.com/office/drawing/2014/main" id="{663659F7-FA44-E74C-A47D-AD78372A995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0" y="1041400"/>
              <a:ext cx="317500" cy="5816600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99722851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1E93646-16B9-0F4C-9B07-2AE355DE9C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9D647438-3EEC-4E66-8A72-C32F22D6347B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47700" y="1327677"/>
            <a:ext cx="3209544" cy="470641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, graph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7">
            <a:extLst>
              <a:ext uri="{FF2B5EF4-FFF2-40B4-BE49-F238E27FC236}">
                <a16:creationId xmlns:a16="http://schemas.microsoft.com/office/drawing/2014/main" id="{05BCE4C9-A6D4-4F58-922F-F27B1BF37A29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4653026" y="1327677"/>
            <a:ext cx="3209544" cy="470641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text, graph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74B3FD7-441E-44F3-9F82-804BB82B4936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8622094" y="1327150"/>
            <a:ext cx="3209544" cy="470641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, graph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FF71666-31D6-0B41-921D-895B647FE59D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AB6A206-F521-BF45-9311-E95E6E8C51C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798696DA-E60F-B14F-849A-E74914636560}"/>
              </a:ext>
            </a:extLst>
          </p:cNvPr>
          <p:cNvSpPr/>
          <p:nvPr userDrawn="1"/>
        </p:nvSpPr>
        <p:spPr>
          <a:xfrm>
            <a:off x="0" y="0"/>
            <a:ext cx="320040" cy="6172200"/>
          </a:xfrm>
          <a:prstGeom prst="rect">
            <a:avLst/>
          </a:prstGeom>
          <a:solidFill>
            <a:schemeClr val="accent1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0F6C489-9BFB-364A-9B66-9FD1C9534EF7}"/>
              </a:ext>
            </a:extLst>
          </p:cNvPr>
          <p:cNvSpPr/>
          <p:nvPr userDrawn="1"/>
        </p:nvSpPr>
        <p:spPr>
          <a:xfrm>
            <a:off x="-1" y="6248400"/>
            <a:ext cx="320041" cy="609600"/>
          </a:xfrm>
          <a:prstGeom prst="rect">
            <a:avLst/>
          </a:prstGeom>
          <a:solidFill>
            <a:schemeClr val="accent2"/>
          </a:solidFill>
          <a:ln w="635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sz="28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5967414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DE279D-A6D5-BF4C-8881-FB4D65FFD62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022CEF46-CDA4-405E-8C9C-D6130BE51B5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647700" y="1327676"/>
            <a:ext cx="3209544" cy="196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, graph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7">
            <a:extLst>
              <a:ext uri="{FF2B5EF4-FFF2-40B4-BE49-F238E27FC236}">
                <a16:creationId xmlns:a16="http://schemas.microsoft.com/office/drawing/2014/main" id="{C6BB4167-6127-4FC1-9EE0-68375D11C91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653026" y="1327676"/>
            <a:ext cx="3209544" cy="196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text, graph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Content Placeholder 6">
            <a:extLst>
              <a:ext uri="{FF2B5EF4-FFF2-40B4-BE49-F238E27FC236}">
                <a16:creationId xmlns:a16="http://schemas.microsoft.com/office/drawing/2014/main" id="{F0959D14-10E6-4EB8-9EB3-449D2A83F72D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622094" y="1327149"/>
            <a:ext cx="3209544" cy="196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, graph or tab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B7B1D12-F3B5-4C09-8F4B-404D5C18B1CA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647700" y="3650634"/>
            <a:ext cx="3209544" cy="19656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07617538-0630-4730-8C5D-A2F8C6A58CBC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4648200" y="3650634"/>
            <a:ext cx="3209544" cy="19656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A15D6121-4DC4-41AF-A9CD-4FCAE1B39CE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8622094" y="3650634"/>
            <a:ext cx="3209544" cy="19656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310B9EB-429D-844E-A6DF-04F458ECEDA9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r>
              <a:rPr lang="en-US"/>
              <a:t>Footer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AB6A206-F521-BF45-9311-E95E6E8C51C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D4ED88DB-5005-0E4B-9A5D-18E3BE61C9A9}"/>
              </a:ext>
            </a:extLst>
          </p:cNvPr>
          <p:cNvGrpSpPr/>
          <p:nvPr userDrawn="1"/>
        </p:nvGrpSpPr>
        <p:grpSpPr>
          <a:xfrm>
            <a:off x="-1" y="0"/>
            <a:ext cx="320041" cy="6858000"/>
            <a:chOff x="-1" y="0"/>
            <a:chExt cx="320041" cy="6858000"/>
          </a:xfrm>
        </p:grpSpPr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A98514AE-BC7F-F34A-B326-DC9C9B1BE82D}"/>
                </a:ext>
              </a:extLst>
            </p:cNvPr>
            <p:cNvSpPr/>
            <p:nvPr userDrawn="1"/>
          </p:nvSpPr>
          <p:spPr>
            <a:xfrm>
              <a:off x="-1" y="0"/>
              <a:ext cx="320041" cy="969264"/>
            </a:xfrm>
            <a:prstGeom prst="rect">
              <a:avLst/>
            </a:prstGeom>
            <a:solidFill>
              <a:schemeClr val="accent2"/>
            </a:solidFill>
            <a:ln w="635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US" sz="2800" dirty="0">
                <a:solidFill>
                  <a:schemeClr val="tx1"/>
                </a:solidFill>
              </a:endParaRPr>
            </a:p>
          </p:txBody>
        </p:sp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32B1C580-D102-FC4A-8250-39B280ABCA7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0" y="1041400"/>
              <a:ext cx="317500" cy="5816600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53722750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 2">
            <a:extLst>
              <a:ext uri="{FF2B5EF4-FFF2-40B4-BE49-F238E27FC236}">
                <a16:creationId xmlns:a16="http://schemas.microsoft.com/office/drawing/2014/main" id="{447131FB-9475-2744-911B-EFA0B5F49D9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7700" y="358775"/>
            <a:ext cx="11183938" cy="610489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77368A02-6632-6E48-92F5-528ACA438C07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47700" y="1329264"/>
            <a:ext cx="11175492" cy="470577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 </a:t>
            </a:r>
          </a:p>
          <a:p>
            <a:pPr lvl="5"/>
            <a:r>
              <a:rPr lang="en-US" dirty="0"/>
              <a:t>Sixth level </a:t>
            </a:r>
          </a:p>
          <a:p>
            <a:pPr lvl="6"/>
            <a:r>
              <a:rPr lang="en-US" dirty="0"/>
              <a:t>Seventh level </a:t>
            </a:r>
          </a:p>
          <a:p>
            <a:pPr lvl="7"/>
            <a:r>
              <a:rPr lang="en-US" dirty="0"/>
              <a:t>Eighth level </a:t>
            </a:r>
          </a:p>
          <a:p>
            <a:pPr lvl="8"/>
            <a:r>
              <a:rPr lang="en-US" dirty="0"/>
              <a:t>9 level</a:t>
            </a:r>
          </a:p>
          <a:p>
            <a:pPr lvl="1"/>
            <a:endParaRPr lang="en-US" dirty="0"/>
          </a:p>
          <a:p>
            <a:pPr lvl="2"/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8A2CCD5-3444-0B41-815D-A4A6F4BA676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47700" y="6293485"/>
            <a:ext cx="9956292" cy="3048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Footer</a:t>
            </a:r>
          </a:p>
        </p:txBody>
      </p:sp>
      <p:sp>
        <p:nvSpPr>
          <p:cNvPr id="5" name="Slide Number Placeholder 8"/>
          <p:cNvSpPr>
            <a:spLocks noGrp="1"/>
          </p:cNvSpPr>
          <p:nvPr>
            <p:ph type="sldNum" sz="quarter" idx="4"/>
          </p:nvPr>
        </p:nvSpPr>
        <p:spPr>
          <a:xfrm>
            <a:off x="10603992" y="6293485"/>
            <a:ext cx="1227646" cy="3048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>
            <a:lvl1pPr algn="r">
              <a:defRPr lang="uk-UA" sz="1200" b="0" i="0" smtClean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b="1" dirty="0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‹#›</a:t>
            </a:fld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420913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355" r:id="rId1"/>
    <p:sldLayoutId id="2147484250" r:id="rId2"/>
    <p:sldLayoutId id="2147484534" r:id="rId3"/>
    <p:sldLayoutId id="2147484536" r:id="rId4"/>
    <p:sldLayoutId id="2147484523" r:id="rId5"/>
    <p:sldLayoutId id="2147484507" r:id="rId6"/>
    <p:sldLayoutId id="2147484390" r:id="rId7"/>
    <p:sldLayoutId id="2147484391" r:id="rId8"/>
    <p:sldLayoutId id="2147484509" r:id="rId9"/>
    <p:sldLayoutId id="2147484369" r:id="rId10"/>
    <p:sldLayoutId id="2147484538" r:id="rId11"/>
    <p:sldLayoutId id="2147484345" r:id="rId12"/>
    <p:sldLayoutId id="2147484350" r:id="rId13"/>
    <p:sldLayoutId id="2147484527" r:id="rId14"/>
    <p:sldLayoutId id="2147484511" r:id="rId15"/>
    <p:sldLayoutId id="2147484510" r:id="rId16"/>
    <p:sldLayoutId id="2147484516" r:id="rId17"/>
    <p:sldLayoutId id="2147484517" r:id="rId18"/>
    <p:sldLayoutId id="2147484518" r:id="rId19"/>
    <p:sldLayoutId id="2147484519" r:id="rId20"/>
    <p:sldLayoutId id="2147484520" r:id="rId21"/>
    <p:sldLayoutId id="2147484469" r:id="rId22"/>
    <p:sldLayoutId id="2147484462" r:id="rId23"/>
    <p:sldLayoutId id="2147484463" r:id="rId24"/>
    <p:sldLayoutId id="2147484504" r:id="rId25"/>
    <p:sldLayoutId id="2147484505" r:id="rId26"/>
    <p:sldLayoutId id="2147484495" r:id="rId27"/>
    <p:sldLayoutId id="2147484496" r:id="rId28"/>
    <p:sldLayoutId id="2147484540" r:id="rId29"/>
    <p:sldLayoutId id="2147484542" r:id="rId30"/>
  </p:sldLayoutIdLst>
  <p:hf hdr="0" ftr="0" dt="0"/>
  <p:txStyles>
    <p:titleStyle>
      <a:lvl1pPr algn="l" defTabSz="914446" rtl="0" eaLnBrk="1" latinLnBrk="0" hangingPunct="1">
        <a:lnSpc>
          <a:spcPct val="90000"/>
        </a:lnSpc>
        <a:spcBef>
          <a:spcPct val="0"/>
        </a:spcBef>
        <a:buNone/>
        <a:defRPr sz="3000" kern="120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0" indent="0" algn="l" defTabSz="914446" rtl="0" eaLnBrk="1" latinLnBrk="0" hangingPunct="1">
        <a:lnSpc>
          <a:spcPct val="100000"/>
        </a:lnSpc>
        <a:spcBef>
          <a:spcPts val="0"/>
        </a:spcBef>
        <a:buClr>
          <a:schemeClr val="tx1"/>
        </a:buClr>
        <a:buFont typeface="Arial" panose="020B0604020202020204" pitchFamily="34" charset="0"/>
        <a:buChar char="​"/>
        <a:defRPr sz="2400" kern="1200">
          <a:solidFill>
            <a:schemeClr val="tx1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1pPr>
      <a:lvl2pPr marL="182889" indent="-182889" algn="l" defTabSz="914446" rtl="0" eaLnBrk="1" latinLnBrk="0" hangingPunct="1">
        <a:lnSpc>
          <a:spcPct val="100000"/>
        </a:lnSpc>
        <a:spcBef>
          <a:spcPts val="400"/>
        </a:spcBef>
        <a:spcAft>
          <a:spcPts val="400"/>
        </a:spcAft>
        <a:buClr>
          <a:schemeClr val="accent1"/>
        </a:buClr>
        <a:buFont typeface="Calibri Light" panose="020F0302020204030204" pitchFamily="34" charset="0"/>
        <a:buChar char="•"/>
        <a:defRPr sz="2000" kern="1200">
          <a:solidFill>
            <a:schemeClr val="tx1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2pPr>
      <a:lvl3pPr marL="365778" indent="-182889" algn="l" defTabSz="914446" rtl="0" eaLnBrk="1" latinLnBrk="0" hangingPunct="1">
        <a:lnSpc>
          <a:spcPct val="100000"/>
        </a:lnSpc>
        <a:spcBef>
          <a:spcPts val="400"/>
        </a:spcBef>
        <a:spcAft>
          <a:spcPts val="400"/>
        </a:spcAft>
        <a:buClr>
          <a:schemeClr val="accent1"/>
        </a:buClr>
        <a:buFont typeface="Calibri Light" panose="020F0302020204030204" pitchFamily="34" charset="0"/>
        <a:buChar char="•"/>
        <a:defRPr sz="1800" kern="1200">
          <a:solidFill>
            <a:schemeClr val="tx1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3pPr>
      <a:lvl4pPr marL="548667" indent="-182889" algn="l" defTabSz="914446" rtl="0" eaLnBrk="1" latinLnBrk="0" hangingPunct="1">
        <a:lnSpc>
          <a:spcPct val="100000"/>
        </a:lnSpc>
        <a:spcBef>
          <a:spcPts val="400"/>
        </a:spcBef>
        <a:spcAft>
          <a:spcPts val="400"/>
        </a:spcAft>
        <a:buClr>
          <a:schemeClr val="accent1"/>
        </a:buClr>
        <a:buFont typeface="Calibri Light" panose="020F0302020204030204" pitchFamily="34" charset="0"/>
        <a:buChar char="•"/>
        <a:defRPr sz="1600" kern="1200">
          <a:solidFill>
            <a:schemeClr val="tx1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4pPr>
      <a:lvl5pPr marL="731557" indent="-182889" algn="l" defTabSz="914446" rtl="0" eaLnBrk="1" latinLnBrk="0" hangingPunct="1">
        <a:lnSpc>
          <a:spcPct val="100000"/>
        </a:lnSpc>
        <a:spcBef>
          <a:spcPts val="400"/>
        </a:spcBef>
        <a:spcAft>
          <a:spcPts val="400"/>
        </a:spcAft>
        <a:buClr>
          <a:schemeClr val="accent1"/>
        </a:buClr>
        <a:buFont typeface="Calibri Light" panose="020F0302020204030204" pitchFamily="34" charset="0"/>
        <a:buChar char="•"/>
        <a:defRPr sz="1300" kern="1200" baseline="0">
          <a:solidFill>
            <a:schemeClr val="tx1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5pPr>
      <a:lvl6pPr marL="914446" indent="-182889" algn="l" defTabSz="914446" rtl="0" eaLnBrk="1" latinLnBrk="0" hangingPunct="1">
        <a:lnSpc>
          <a:spcPct val="100000"/>
        </a:lnSpc>
        <a:spcBef>
          <a:spcPts val="400"/>
        </a:spcBef>
        <a:spcAft>
          <a:spcPts val="400"/>
        </a:spcAft>
        <a:buClr>
          <a:schemeClr val="accent1"/>
        </a:buClr>
        <a:buFont typeface="Calibri Light" panose="020F0302020204030204" pitchFamily="34" charset="0"/>
        <a:buChar char="•"/>
        <a:defRPr sz="1300" kern="1200">
          <a:solidFill>
            <a:schemeClr val="tx1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6pPr>
      <a:lvl7pPr marL="1097335" indent="-182889" algn="l" defTabSz="914446" rtl="0" eaLnBrk="1" latinLnBrk="0" hangingPunct="1">
        <a:lnSpc>
          <a:spcPct val="100000"/>
        </a:lnSpc>
        <a:spcBef>
          <a:spcPts val="400"/>
        </a:spcBef>
        <a:spcAft>
          <a:spcPts val="400"/>
        </a:spcAft>
        <a:buClr>
          <a:schemeClr val="accent1"/>
        </a:buClr>
        <a:buFont typeface="Calibri Light" panose="020F0302020204030204" pitchFamily="34" charset="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7pPr>
      <a:lvl8pPr marL="1280224" indent="-182889" algn="l" defTabSz="914446" rtl="0" eaLnBrk="1" latinLnBrk="0" hangingPunct="1">
        <a:lnSpc>
          <a:spcPct val="100000"/>
        </a:lnSpc>
        <a:spcBef>
          <a:spcPts val="400"/>
        </a:spcBef>
        <a:spcAft>
          <a:spcPts val="400"/>
        </a:spcAft>
        <a:buClr>
          <a:schemeClr val="accent1"/>
        </a:buClr>
        <a:buFont typeface="Calibri Light" panose="020F0302020204030204" pitchFamily="34" charset="0"/>
        <a:buChar char="•"/>
        <a:defRPr sz="1400" kern="1200">
          <a:solidFill>
            <a:schemeClr val="tx1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8pPr>
      <a:lvl9pPr marL="0" indent="0" algn="l" defTabSz="914446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​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4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23" algn="l" defTabSz="91444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46" algn="l" defTabSz="91444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69" algn="l" defTabSz="91444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91" algn="l" defTabSz="91444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114" algn="l" defTabSz="91444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337" algn="l" defTabSz="91444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560" algn="l" defTabSz="91444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783" algn="l" defTabSz="91444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08" userDrawn="1">
          <p15:clr>
            <a:srgbClr val="F26B43"/>
          </p15:clr>
        </p15:guide>
        <p15:guide id="4" orient="horz" pos="226" userDrawn="1">
          <p15:clr>
            <a:srgbClr val="F26B43"/>
          </p15:clr>
        </p15:guide>
        <p15:guide id="5" pos="7453" userDrawn="1">
          <p15:clr>
            <a:srgbClr val="F26B43"/>
          </p15:clr>
        </p15:guide>
        <p15:guide id="6" orient="horz" pos="4093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hyperlink" Target="https://forms.office.com/Pages/ResponsePage.aspx?id=vivGVpiFhUueURynU_pQ8ukRLNYYVDBFg89Zli1mSHRUMzFTUUJRRTUzRTI3WDZJNThYQ1JMVUIzSC4u" TargetMode="External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6.xml"/><Relationship Id="rId1" Type="http://schemas.openxmlformats.org/officeDocument/2006/relationships/tags" Target="../tags/tag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jpg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9BB0F8-80B4-41ED-8E46-457471A5D2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HI Scrub Time Study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B7E1A96-3862-48F3-B98F-EB6FC08865E0}"/>
              </a:ext>
            </a:extLst>
          </p:cNvPr>
          <p:cNvSpPr>
            <a:spLocks noGrp="1"/>
          </p:cNvSpPr>
          <p:nvPr>
            <p:ph sz="quarter" idx="21"/>
          </p:nvPr>
        </p:nvSpPr>
        <p:spPr/>
        <p:txBody>
          <a:bodyPr/>
          <a:lstStyle/>
          <a:p>
            <a:pPr>
              <a:buNone/>
            </a:pPr>
            <a:r>
              <a:rPr lang="en-US" dirty="0">
                <a:solidFill>
                  <a:schemeClr val="accent4"/>
                </a:solidFill>
              </a:rPr>
              <a:t>The Ask</a:t>
            </a:r>
          </a:p>
          <a:p>
            <a:pPr>
              <a:buNone/>
            </a:pPr>
            <a:endParaRPr lang="en-US" dirty="0"/>
          </a:p>
          <a:p>
            <a:pPr>
              <a:buNone/>
            </a:pPr>
            <a:r>
              <a:rPr lang="en-US" sz="2000" dirty="0"/>
              <a:t>We need your help comparing how long it takes to scrub PHI using our current tools vs. </a:t>
            </a:r>
            <a:r>
              <a:rPr lang="en-US" sz="2000" dirty="0" err="1"/>
              <a:t>Assima</a:t>
            </a:r>
            <a:r>
              <a:rPr lang="en-US" sz="2000" dirty="0"/>
              <a:t>.</a:t>
            </a:r>
          </a:p>
          <a:p>
            <a:pPr marL="342900" indent="-342900">
              <a:buClr>
                <a:schemeClr val="accent1"/>
              </a:buClr>
              <a:buFont typeface="Arial" panose="020B0604020202020204" pitchFamily="34" charset="0"/>
              <a:buChar char="•"/>
            </a:pPr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6FEF216-70E9-4473-A984-6D40E8227928}"/>
              </a:ext>
            </a:extLst>
          </p:cNvPr>
          <p:cNvSpPr>
            <a:spLocks noGrp="1"/>
          </p:cNvSpPr>
          <p:nvPr>
            <p:ph sz="quarter" idx="22"/>
          </p:nvPr>
        </p:nvSpPr>
        <p:spPr/>
        <p:txBody>
          <a:bodyPr/>
          <a:lstStyle/>
          <a:p>
            <a:r>
              <a:rPr lang="en-US" dirty="0">
                <a:solidFill>
                  <a:schemeClr val="accent4"/>
                </a:solidFill>
              </a:rPr>
              <a:t>The Process</a:t>
            </a:r>
          </a:p>
          <a:p>
            <a:endParaRPr lang="en-US" dirty="0"/>
          </a:p>
          <a:p>
            <a:r>
              <a:rPr lang="en-US" sz="1800" dirty="0"/>
              <a:t>Stage 1: Time how long it takes to scrub a provided screenshot using current tools</a:t>
            </a:r>
          </a:p>
          <a:p>
            <a:endParaRPr lang="en-US" sz="1800" dirty="0"/>
          </a:p>
          <a:p>
            <a:r>
              <a:rPr lang="en-US" sz="1800" dirty="0"/>
              <a:t>Stage 2: Time how long it takes to scrub the same screen within </a:t>
            </a:r>
            <a:r>
              <a:rPr lang="en-US" sz="1800" dirty="0" err="1"/>
              <a:t>Assima</a:t>
            </a:r>
            <a:r>
              <a:rPr lang="en-US" sz="1800" dirty="0"/>
              <a:t> </a:t>
            </a:r>
            <a:r>
              <a:rPr lang="en-US" sz="1800" dirty="0">
                <a:solidFill>
                  <a:srgbClr val="FF0000"/>
                </a:solidFill>
              </a:rPr>
              <a:t>(to be completed at future date following </a:t>
            </a:r>
            <a:r>
              <a:rPr lang="en-US" sz="1800" dirty="0" err="1">
                <a:solidFill>
                  <a:srgbClr val="FF0000"/>
                </a:solidFill>
              </a:rPr>
              <a:t>Assima</a:t>
            </a:r>
            <a:r>
              <a:rPr lang="en-US" sz="1800" dirty="0">
                <a:solidFill>
                  <a:srgbClr val="FF0000"/>
                </a:solidFill>
              </a:rPr>
              <a:t> training)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8EDC4380-5527-49F2-A441-3522878B423B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8622094" y="1327151"/>
            <a:ext cx="3209544" cy="3625850"/>
          </a:xfrm>
        </p:spPr>
        <p:txBody>
          <a:bodyPr/>
          <a:lstStyle/>
          <a:p>
            <a:r>
              <a:rPr lang="en-US" dirty="0">
                <a:solidFill>
                  <a:schemeClr val="accent4"/>
                </a:solidFill>
              </a:rPr>
              <a:t>Instructions</a:t>
            </a:r>
          </a:p>
          <a:p>
            <a:endParaRPr lang="en-US" dirty="0"/>
          </a:p>
          <a:p>
            <a:pPr marL="342900" marR="0" lvl="0" indent="-34290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3A3B3D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3A3B3D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Scrub PHI on provided screenshot</a:t>
            </a:r>
          </a:p>
          <a:p>
            <a:pPr marL="342900" marR="0" lvl="0" indent="-34290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3A3B3D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3A3B3D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Replace PHI with provided info</a:t>
            </a:r>
          </a:p>
          <a:p>
            <a:pPr marL="342900" marR="0" lvl="0" indent="-34290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3A3B3D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3A3B3D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Make look as realistic as possible, no blurring of PHI</a:t>
            </a:r>
          </a:p>
          <a:p>
            <a:pPr marL="342900" marR="0" lvl="0" indent="-34290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3A3B3D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3A3B3D"/>
                </a:solidFill>
                <a:effectLst/>
                <a:uLnTx/>
                <a:uFillTx/>
                <a:latin typeface="Calibri" panose="020F0502020204030204" pitchFamily="34" charset="0"/>
                <a:ea typeface="+mn-ea"/>
                <a:cs typeface="Calibri" panose="020F0502020204030204" pitchFamily="34" charset="0"/>
              </a:rPr>
              <a:t>Time how long it takes you to complete the activity</a:t>
            </a:r>
          </a:p>
          <a:p>
            <a:pPr marL="342900" marR="0" lvl="0" indent="-342900" algn="l" defTabSz="9144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3A3B3D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800" dirty="0">
                <a:solidFill>
                  <a:srgbClr val="3A3B3D"/>
                </a:solidFill>
              </a:rPr>
              <a:t>When complete, take the </a:t>
            </a:r>
            <a:r>
              <a:rPr lang="en-US" sz="1800" dirty="0">
                <a:solidFill>
                  <a:srgbClr val="3A3B3D"/>
                </a:solidFill>
                <a:hlinkClick r:id="rId3"/>
              </a:rPr>
              <a:t>completion survey</a:t>
            </a:r>
            <a:r>
              <a:rPr lang="en-US" sz="1800" dirty="0">
                <a:solidFill>
                  <a:srgbClr val="3A3B3D"/>
                </a:solidFill>
              </a:rPr>
              <a:t> to submit screenshot </a:t>
            </a:r>
            <a:r>
              <a:rPr lang="en-US" sz="1800">
                <a:solidFill>
                  <a:srgbClr val="3A3B3D"/>
                </a:solidFill>
              </a:rPr>
              <a:t>and time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3A3B3D"/>
              </a:solidFill>
              <a:effectLst/>
              <a:uLnTx/>
              <a:uFillTx/>
              <a:latin typeface="Calibri" panose="020F0502020204030204" pitchFamily="34" charset="0"/>
              <a:ea typeface="+mn-ea"/>
              <a:cs typeface="Calibri" panose="020F0502020204030204" pitchFamily="34" charset="0"/>
            </a:endParaRPr>
          </a:p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4A090B8-3CC3-4910-BC5C-9CE8308ED85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marL="0" marR="0" lvl="0" indent="0" algn="r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78BE20"/>
                </a:solidFill>
                <a:effectLst/>
                <a:uLnTx/>
                <a:uFillTx/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rPr>
              <a:t>|</a:t>
            </a:r>
            <a:fld id="{37D409AB-2201-4E18-8A34-C31753AD9B0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3A3B3D"/>
                </a:solidFill>
                <a:effectLst/>
                <a:uLnTx/>
                <a:uFillTx/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rPr>
              <a:pPr marL="0" marR="0" lvl="0" indent="0" algn="r" defTabSz="91430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3A3B3D"/>
              </a:solidFill>
              <a:effectLst/>
              <a:uLnTx/>
              <a:uFillTx/>
              <a:latin typeface="Calibri Light" panose="020F0302020204030204" pitchFamily="34" charset="0"/>
              <a:ea typeface="+mn-ea"/>
              <a:cs typeface="Calibri Light" panose="020F0302020204030204" pitchFamily="34" charset="0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78766404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9865C31-7297-4F57-9353-A3D53E15DAF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placement Info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5CB3F3-14B1-4A8F-8B4F-881AE8B3A3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r>
              <a:rPr lang="en-US" b="1">
                <a:solidFill>
                  <a:schemeClr val="accent1"/>
                </a:solidFill>
              </a:rPr>
              <a:t>|</a:t>
            </a:r>
            <a:fld id="{37D409AB-2201-4E18-8A34-C31753AD9B06}" type="slidenum">
              <a:rPr lang="en-US" smtClean="0">
                <a:solidFill>
                  <a:schemeClr val="tx1"/>
                </a:solidFill>
              </a:rPr>
              <a:pPr/>
              <a:t>2</a:t>
            </a:fld>
            <a:endParaRPr lang="en-US" dirty="0">
              <a:solidFill>
                <a:schemeClr val="tx1"/>
              </a:solidFill>
            </a:endParaRPr>
          </a:p>
        </p:txBody>
      </p:sp>
      <p:graphicFrame>
        <p:nvGraphicFramePr>
          <p:cNvPr id="5" name="Table 5">
            <a:extLst>
              <a:ext uri="{FF2B5EF4-FFF2-40B4-BE49-F238E27FC236}">
                <a16:creationId xmlns:a16="http://schemas.microsoft.com/office/drawing/2014/main" id="{53776D6E-2698-4620-8711-EF32FF77EB5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69488402"/>
              </p:ext>
            </p:extLst>
          </p:nvPr>
        </p:nvGraphicFramePr>
        <p:xfrm>
          <a:off x="682534" y="1143000"/>
          <a:ext cx="6099266" cy="3606800"/>
        </p:xfrm>
        <a:graphic>
          <a:graphicData uri="http://schemas.openxmlformats.org/drawingml/2006/table">
            <a:tbl>
              <a:tblPr firstRow="1" bandRow="1">
                <a:tableStyleId>{69CF1AB2-1976-4502-BF36-3FF5EA218861}</a:tableStyleId>
              </a:tblPr>
              <a:tblGrid>
                <a:gridCol w="2289266">
                  <a:extLst>
                    <a:ext uri="{9D8B030D-6E8A-4147-A177-3AD203B41FA5}">
                      <a16:colId xmlns:a16="http://schemas.microsoft.com/office/drawing/2014/main" val="4092511068"/>
                    </a:ext>
                  </a:extLst>
                </a:gridCol>
                <a:gridCol w="3810000">
                  <a:extLst>
                    <a:ext uri="{9D8B030D-6E8A-4147-A177-3AD203B41FA5}">
                      <a16:colId xmlns:a16="http://schemas.microsoft.com/office/drawing/2014/main" val="408463251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b="0" dirty="0"/>
                        <a:t>Na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0" dirty="0"/>
                        <a:t>Thomas Shelb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331484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/>
                        <a:t>Humana ID Medic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0" dirty="0"/>
                        <a:t>H1122334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8031653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/>
                        <a:t>Humana ID Dent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0"/>
                        <a:t>191919191</a:t>
                      </a:r>
                      <a:endParaRPr lang="en-US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4501001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/>
                        <a:t>SS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0" dirty="0"/>
                        <a:t>555667777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002382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/>
                        <a:t>Medicare I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0" dirty="0"/>
                        <a:t>1PB3G2VWXYZ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094660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/>
                        <a:t>DOB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0" dirty="0"/>
                        <a:t>03/12/1945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749447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/>
                        <a:t>Addres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0" dirty="0"/>
                        <a:t>1234 Garrison Street</a:t>
                      </a:r>
                    </a:p>
                    <a:p>
                      <a:r>
                        <a:rPr lang="en-US" b="0" dirty="0"/>
                        <a:t>Birmingham, MI 4801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1410933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/>
                        <a:t>Phon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0" dirty="0"/>
                        <a:t>248-555-718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230939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/>
                        <a:t>Emai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b="0" dirty="0"/>
                        <a:t>To remov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98254306"/>
                  </a:ext>
                </a:extLst>
              </a:tr>
            </a:tbl>
          </a:graphicData>
        </a:graphic>
      </p:graphicFrame>
    </p:spTree>
    <p:custDataLst>
      <p:tags r:id="rId1"/>
    </p:custDataLst>
    <p:extLst>
      <p:ext uri="{BB962C8B-B14F-4D97-AF65-F5344CB8AC3E}">
        <p14:creationId xmlns:p14="http://schemas.microsoft.com/office/powerpoint/2010/main" val="79169919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9BB0F8-80B4-41ED-8E46-457471A5D2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reensho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4A090B8-3CC3-4910-BC5C-9CE8308ED85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>
                <a:ln>
                  <a:noFill/>
                </a:ln>
                <a:solidFill>
                  <a:srgbClr val="78BE20"/>
                </a:solidFill>
                <a:effectLst/>
                <a:uLnTx/>
                <a:uFillTx/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rPr>
              <a:t>|</a:t>
            </a:r>
            <a:fld id="{37D409AB-2201-4E18-8A34-C31753AD9B0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3A3B3D"/>
                </a:solidFill>
                <a:effectLst/>
                <a:uLnTx/>
                <a:uFillTx/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rPr>
              <a:pPr marL="0" marR="0" lvl="0" indent="0" algn="r" defTabSz="91430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srgbClr val="3A3B3D"/>
              </a:solidFill>
              <a:effectLst/>
              <a:uLnTx/>
              <a:uFillTx/>
              <a:latin typeface="Calibri Light" panose="020F0302020204030204" pitchFamily="34" charset="0"/>
              <a:ea typeface="+mn-ea"/>
              <a:cs typeface="Calibri Light" panose="020F0302020204030204" pitchFamily="34" charset="0"/>
            </a:endParaRPr>
          </a:p>
        </p:txBody>
      </p:sp>
      <p:pic>
        <p:nvPicPr>
          <p:cNvPr id="5" name="Picture 4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EC5D67F7-04AA-4C3F-BF72-BB6238429AC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700" y="1111885"/>
            <a:ext cx="9753600" cy="54864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82940558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COUNT" val="3"/>
  <p:tag name="ARTICULATE_PROJECT_OPEN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heme/theme1.xml><?xml version="1.0" encoding="utf-8"?>
<a:theme xmlns:a="http://schemas.openxmlformats.org/drawingml/2006/main" name="Humana">
  <a:themeElements>
    <a:clrScheme name="Humana">
      <a:dk1>
        <a:srgbClr val="3A3B3D"/>
      </a:dk1>
      <a:lt1>
        <a:srgbClr val="C8C8C8"/>
      </a:lt1>
      <a:dk2>
        <a:srgbClr val="114A21"/>
      </a:dk2>
      <a:lt2>
        <a:srgbClr val="FFFFFF"/>
      </a:lt2>
      <a:accent1>
        <a:srgbClr val="78BE20"/>
      </a:accent1>
      <a:accent2>
        <a:srgbClr val="5C9A1B"/>
      </a:accent2>
      <a:accent3>
        <a:srgbClr val="003057"/>
      </a:accent3>
      <a:accent4>
        <a:srgbClr val="007481"/>
      </a:accent4>
      <a:accent5>
        <a:srgbClr val="612166"/>
      </a:accent5>
      <a:accent6>
        <a:srgbClr val="AF0061"/>
      </a:accent6>
      <a:hlink>
        <a:srgbClr val="007480"/>
      </a:hlink>
      <a:folHlink>
        <a:srgbClr val="003057"/>
      </a:folHlink>
    </a:clrScheme>
    <a:fontScheme name="Humana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 w="63500"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sz="280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 cap="sq">
          <a:solidFill>
            <a:schemeClr val="accent2"/>
          </a:solidFill>
          <a:bevel/>
          <a:headEnd type="none"/>
          <a:tailEnd type="none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rtlCol="0">
        <a:spAutoFit/>
      </a:bodyPr>
      <a:lstStyle>
        <a:defPPr>
          <a:defRPr sz="2000">
            <a:solidFill>
              <a:schemeClr val="tx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208286_Enterprise PowerPoint Template Update_Light_49" id="{29CFA6CF-C85A-FD4E-8AF0-04EBF1FC6D1A}" vid="{063794B6-B4DB-D143-842C-8CAEEBE3F6E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Calibri Light"/>
        <a:font script="Hang" typeface="Calibri Light"/>
        <a:font script="Hans" typeface="Calibri Light"/>
        <a:font script="Hant" typeface="Calibri Light"/>
        <a:font script="Arab" typeface="Calibri Light"/>
        <a:font script="Hebr" typeface="Calibri Light"/>
        <a:font script="Thai" typeface="Calibri Light"/>
        <a:font script="Ethi" typeface="Calibri Light"/>
        <a:font script="Beng" typeface="Calibri Light"/>
        <a:font script="Gujr" typeface="Calibri Light"/>
        <a:font script="Khmr" typeface="Calibri Light"/>
        <a:font script="Knda" typeface="Calibri Light"/>
        <a:font script="Guru" typeface="Calibri Light"/>
        <a:font script="Cans" typeface="Calibri Light"/>
        <a:font script="Cher" typeface="Calibri Light"/>
        <a:font script="Yiii" typeface="Calibri Light"/>
        <a:font script="Tibt" typeface="Calibri Light"/>
        <a:font script="Thaa" typeface="Calibri Light"/>
        <a:font script="Deva" typeface="Calibri Light"/>
        <a:font script="Telu" typeface="Calibri Light"/>
        <a:font script="Taml" typeface="Calibri Light"/>
        <a:font script="Syrc" typeface="Calibri Light"/>
        <a:font script="Orya" typeface="Calibri Light"/>
        <a:font script="Mlym" typeface="Calibri Light"/>
        <a:font script="Laoo" typeface="Calibri Light"/>
        <a:font script="Sinh" typeface="Calibri Light"/>
        <a:font script="Mong" typeface="Calibri Light"/>
        <a:font script="Viet" typeface="Calibri Light"/>
        <a:font script="Uigh" typeface="Calibri Light"/>
        <a:font script="Geor" typeface="Calibri Light"/>
      </a:majorFont>
      <a:minorFont>
        <a:latin typeface="Calibri Light" panose="020F0302020204030204"/>
        <a:ea typeface=""/>
        <a:cs typeface=""/>
        <a:font script="Jpan" typeface="Calibri Light"/>
        <a:font script="Hang" typeface="Calibri Light"/>
        <a:font script="Hans" typeface="Calibri Light"/>
        <a:font script="Hant" typeface="Calibri Light"/>
        <a:font script="Arab" typeface="Calibri Light"/>
        <a:font script="Hebr" typeface="Calibri Light"/>
        <a:font script="Thai" typeface="Calibri Light"/>
        <a:font script="Ethi" typeface="Calibri Light"/>
        <a:font script="Beng" typeface="Calibri Light"/>
        <a:font script="Gujr" typeface="Calibri Light"/>
        <a:font script="Khmr" typeface="Calibri Light"/>
        <a:font script="Knda" typeface="Calibri Light"/>
        <a:font script="Guru" typeface="Calibri Light"/>
        <a:font script="Cans" typeface="Calibri Light"/>
        <a:font script="Cher" typeface="Calibri Light"/>
        <a:font script="Yiii" typeface="Calibri Light"/>
        <a:font script="Tibt" typeface="Calibri Light"/>
        <a:font script="Thaa" typeface="Calibri Light"/>
        <a:font script="Deva" typeface="Calibri Light"/>
        <a:font script="Telu" typeface="Calibri Light"/>
        <a:font script="Taml" typeface="Calibri Light"/>
        <a:font script="Syrc" typeface="Calibri Light"/>
        <a:font script="Orya" typeface="Calibri Light"/>
        <a:font script="Mlym" typeface="Calibri Light"/>
        <a:font script="Laoo" typeface="Calibri Light"/>
        <a:font script="Sinh" typeface="Calibri Light"/>
        <a:font script="Mong" typeface="Calibri Light"/>
        <a:font script="Viet" typeface="Calibri Light"/>
        <a:font script="Uigh" typeface="Calibri Light"/>
        <a:font script="Geor" typeface="Calibri Light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Calibri Light"/>
        <a:font script="Hang" typeface="Calibri Light"/>
        <a:font script="Hans" typeface="Calibri Light"/>
        <a:font script="Hant" typeface="Calibri Light"/>
        <a:font script="Arab" typeface="Calibri Light"/>
        <a:font script="Hebr" typeface="Calibri Light"/>
        <a:font script="Thai" typeface="Calibri Light"/>
        <a:font script="Ethi" typeface="Calibri Light"/>
        <a:font script="Beng" typeface="Calibri Light"/>
        <a:font script="Gujr" typeface="Calibri Light"/>
        <a:font script="Khmr" typeface="Calibri Light"/>
        <a:font script="Knda" typeface="Calibri Light"/>
        <a:font script="Guru" typeface="Calibri Light"/>
        <a:font script="Cans" typeface="Calibri Light"/>
        <a:font script="Cher" typeface="Calibri Light"/>
        <a:font script="Yiii" typeface="Calibri Light"/>
        <a:font script="Tibt" typeface="Calibri Light"/>
        <a:font script="Thaa" typeface="Calibri Light"/>
        <a:font script="Deva" typeface="Calibri Light"/>
        <a:font script="Telu" typeface="Calibri Light"/>
        <a:font script="Taml" typeface="Calibri Light"/>
        <a:font script="Syrc" typeface="Calibri Light"/>
        <a:font script="Orya" typeface="Calibri Light"/>
        <a:font script="Mlym" typeface="Calibri Light"/>
        <a:font script="Laoo" typeface="Calibri Light"/>
        <a:font script="Sinh" typeface="Calibri Light"/>
        <a:font script="Mong" typeface="Calibri Light"/>
        <a:font script="Viet" typeface="Calibri Light"/>
        <a:font script="Uigh" typeface="Calibri Light"/>
        <a:font script="Geor" typeface="Calibri Light"/>
        <a:font script="Armn" typeface="Calibri Light"/>
        <a:font script="Bugi" typeface="Calibri Light"/>
        <a:font script="Bopo" typeface="Calibri Light"/>
        <a:font script="Java" typeface="Calibri Light"/>
        <a:font script="Lisu" typeface="Calibri Light"/>
        <a:font script="Mymr" typeface="Calibri Light"/>
        <a:font script="Nkoo" typeface="Calibri Light"/>
        <a:font script="Olck" typeface="Calibri Light"/>
        <a:font script="Osma" typeface="Calibri Light"/>
        <a:font script="Phag" typeface="Calibri Light"/>
        <a:font script="Syrn" typeface="Calibri Light"/>
        <a:font script="Syrj" typeface="Calibri Light"/>
        <a:font script="Syre" typeface="Calibri Light"/>
        <a:font script="Sora" typeface="Calibri Light"/>
        <a:font script="Tale" typeface="Calibri Light"/>
        <a:font script="Talu" typeface="Calibri Light"/>
        <a:font script="Tfng" typeface="Calibri Light"/>
      </a:majorFont>
      <a:minorFont>
        <a:latin typeface="Calibri Light" panose="020F0302020204030204"/>
        <a:ea typeface=""/>
        <a:cs typeface=""/>
        <a:font script="Jpan" typeface="Calibri Light"/>
        <a:font script="Hang" typeface="Calibri Light"/>
        <a:font script="Hans" typeface="Calibri Light"/>
        <a:font script="Hant" typeface="Calibri Light"/>
        <a:font script="Arab" typeface="Calibri Light"/>
        <a:font script="Hebr" typeface="Calibri Light"/>
        <a:font script="Thai" typeface="Calibri Light"/>
        <a:font script="Ethi" typeface="Calibri Light"/>
        <a:font script="Beng" typeface="Calibri Light"/>
        <a:font script="Gujr" typeface="Calibri Light"/>
        <a:font script="Khmr" typeface="Calibri Light"/>
        <a:font script="Knda" typeface="Calibri Light"/>
        <a:font script="Guru" typeface="Calibri Light"/>
        <a:font script="Cans" typeface="Calibri Light"/>
        <a:font script="Cher" typeface="Calibri Light"/>
        <a:font script="Yiii" typeface="Calibri Light"/>
        <a:font script="Tibt" typeface="Calibri Light"/>
        <a:font script="Thaa" typeface="Calibri Light"/>
        <a:font script="Deva" typeface="Calibri Light"/>
        <a:font script="Telu" typeface="Calibri Light"/>
        <a:font script="Taml" typeface="Calibri Light"/>
        <a:font script="Syrc" typeface="Calibri Light"/>
        <a:font script="Orya" typeface="Calibri Light"/>
        <a:font script="Mlym" typeface="Calibri Light"/>
        <a:font script="Laoo" typeface="Calibri Light"/>
        <a:font script="Sinh" typeface="Calibri Light"/>
        <a:font script="Mong" typeface="Calibri Light"/>
        <a:font script="Viet" typeface="Calibri Light"/>
        <a:font script="Uigh" typeface="Calibri Light"/>
        <a:font script="Geor" typeface="Calibri Light"/>
        <a:font script="Armn" typeface="Calibri Light"/>
        <a:font script="Bugi" typeface="Calibri Light"/>
        <a:font script="Bopo" typeface="Calibri Light"/>
        <a:font script="Java" typeface="Calibri Light"/>
        <a:font script="Lisu" typeface="Calibri Light"/>
        <a:font script="Mymr" typeface="Calibri Light"/>
        <a:font script="Nkoo" typeface="Calibri Light"/>
        <a:font script="Olck" typeface="Calibri Light"/>
        <a:font script="Osma" typeface="Calibri Light"/>
        <a:font script="Phag" typeface="Calibri Light"/>
        <a:font script="Syrn" typeface="Calibri Light"/>
        <a:font script="Syrj" typeface="Calibri Light"/>
        <a:font script="Syre" typeface="Calibri Light"/>
        <a:font script="Sora" typeface="Calibri Light"/>
        <a:font script="Tale" typeface="Calibri Light"/>
        <a:font script="Talu" typeface="Calibri Light"/>
        <a:font script="Tfng" typeface="Calibri Light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Humana_main-template4-2022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9533EFE-FBAE-4E06-967D-6A651FE545E5}">
  <ds:schemaRefs/>
</ds:datastoreItem>
</file>

<file path=customXml/itemProps2.xml><?xml version="1.0" encoding="utf-8"?>
<ds:datastoreItem xmlns:ds="http://schemas.openxmlformats.org/officeDocument/2006/customXml" ds:itemID="{AEF96B05-EA93-4FAC-B894-960FF9620A1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HUMANA - TITLE SLIDES - WHITE</Template>
  <TotalTime>0</TotalTime>
  <Words>154</Words>
  <Application>Microsoft Office PowerPoint</Application>
  <PresentationFormat>Widescreen</PresentationFormat>
  <Paragraphs>40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7" baseType="lpstr">
      <vt:lpstr>Arial</vt:lpstr>
      <vt:lpstr>Calibri</vt:lpstr>
      <vt:lpstr>Calibri Light</vt:lpstr>
      <vt:lpstr>Humana</vt:lpstr>
      <vt:lpstr>PHI Scrub Time Study</vt:lpstr>
      <vt:lpstr>Replacement Info</vt:lpstr>
      <vt:lpstr>Screenshot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10-21T14:59:12Z</dcterms:created>
  <dcterms:modified xsi:type="dcterms:W3CDTF">2022-10-28T16:48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4-01T20:24:41</vt:lpwstr>
  </property>
  <property fmtid="{D5CDD505-2E9C-101B-9397-08002B2CF9AE}" pid="3" name="TemplafyTenantId">
    <vt:lpwstr>humana</vt:lpwstr>
  </property>
  <property fmtid="{D5CDD505-2E9C-101B-9397-08002B2CF9AE}" pid="4" name="TemplafyTemplateId">
    <vt:lpwstr>637844414808556575</vt:lpwstr>
  </property>
  <property fmtid="{D5CDD505-2E9C-101B-9397-08002B2CF9AE}" pid="5" name="TemplafyUserProfileId">
    <vt:lpwstr>637955581886081907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  <property fmtid="{D5CDD505-2E9C-101B-9397-08002B2CF9AE}" pid="8" name="MSIP_Label_f15c982b-5a04-4b71-81f8-5aa3405e2654_Enabled">
    <vt:lpwstr>true</vt:lpwstr>
  </property>
  <property fmtid="{D5CDD505-2E9C-101B-9397-08002B2CF9AE}" pid="9" name="MSIP_Label_f15c982b-5a04-4b71-81f8-5aa3405e2654_SetDate">
    <vt:lpwstr>2022-10-26T16:05:15Z</vt:lpwstr>
  </property>
  <property fmtid="{D5CDD505-2E9C-101B-9397-08002B2CF9AE}" pid="10" name="MSIP_Label_f15c982b-5a04-4b71-81f8-5aa3405e2654_Method">
    <vt:lpwstr>Standard</vt:lpwstr>
  </property>
  <property fmtid="{D5CDD505-2E9C-101B-9397-08002B2CF9AE}" pid="11" name="MSIP_Label_f15c982b-5a04-4b71-81f8-5aa3405e2654_Name">
    <vt:lpwstr>CONFIDENTIAL</vt:lpwstr>
  </property>
  <property fmtid="{D5CDD505-2E9C-101B-9397-08002B2CF9AE}" pid="12" name="MSIP_Label_f15c982b-5a04-4b71-81f8-5aa3405e2654_SiteId">
    <vt:lpwstr>56c62bbe-8598-4b85-9e51-1ca753fa50f2</vt:lpwstr>
  </property>
  <property fmtid="{D5CDD505-2E9C-101B-9397-08002B2CF9AE}" pid="13" name="MSIP_Label_f15c982b-5a04-4b71-81f8-5aa3405e2654_ActionId">
    <vt:lpwstr>89c251c1-92c4-4ca4-9de8-f69cedeb173b</vt:lpwstr>
  </property>
  <property fmtid="{D5CDD505-2E9C-101B-9397-08002B2CF9AE}" pid="14" name="MSIP_Label_f15c982b-5a04-4b71-81f8-5aa3405e2654_ContentBits">
    <vt:lpwstr>0</vt:lpwstr>
  </property>
  <property fmtid="{D5CDD505-2E9C-101B-9397-08002B2CF9AE}" pid="15" name="ArticulateGUID">
    <vt:lpwstr>B263512D-A7D2-4353-8401-9631368092BD</vt:lpwstr>
  </property>
  <property fmtid="{D5CDD505-2E9C-101B-9397-08002B2CF9AE}" pid="16" name="ArticulatePath">
    <vt:lpwstr>https://inspirewellness-my.sharepoint.com/personal/abradshaw5_humana_com/Documents/CRM Lightning/PHI Scrub Time Study</vt:lpwstr>
  </property>
</Properties>
</file>